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7月分(2020年基準)\消費者物価指数の概要・中分類\"/>
    </mc:Choice>
  </mc:AlternateContent>
  <bookViews>
    <workbookView xWindow="6285" yWindow="150" windowWidth="8850" windowHeight="8040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#REF!</definedName>
    <definedName name="_xlnm.Print_Area" localSheetId="1">中分類指数!$A$1:$K$48</definedName>
    <definedName name="月報_中分類表抽出">中分類指数!$A$2:$E$49</definedName>
  </definedNames>
  <calcPr calcId="152511"/>
</workbook>
</file>

<file path=xl/calcChain.xml><?xml version="1.0" encoding="utf-8"?>
<calcChain xmlns="http://schemas.openxmlformats.org/spreadsheetml/2006/main">
  <c r="G31" i="1" l="1"/>
  <c r="M31" i="1" l="1"/>
  <c r="E31" i="1" l="1"/>
  <c r="C33" i="1" l="1"/>
  <c r="C32" i="1"/>
  <c r="C31" i="1"/>
  <c r="F32" i="1" l="1"/>
  <c r="M33" i="1" l="1"/>
  <c r="M32" i="1"/>
  <c r="L33" i="1"/>
  <c r="L32" i="1"/>
  <c r="L31" i="1"/>
  <c r="K33" i="1"/>
  <c r="K32" i="1"/>
  <c r="K31" i="1"/>
  <c r="J33" i="1"/>
  <c r="J32" i="1"/>
  <c r="J31" i="1"/>
  <c r="I33" i="1"/>
  <c r="I32" i="1"/>
  <c r="I31" i="1"/>
  <c r="H33" i="1"/>
  <c r="H32" i="1"/>
  <c r="H31" i="1"/>
  <c r="G33" i="1"/>
  <c r="G32" i="1"/>
  <c r="F33" i="1"/>
  <c r="F31" i="1"/>
  <c r="E33" i="1"/>
  <c r="E32" i="1"/>
  <c r="D33" i="1"/>
  <c r="D32" i="1"/>
  <c r="D31" i="1"/>
</calcChain>
</file>

<file path=xl/sharedStrings.xml><?xml version="1.0" encoding="utf-8"?>
<sst xmlns="http://schemas.openxmlformats.org/spreadsheetml/2006/main" count="104" uniqueCount="100">
  <si>
    <t>　　　　　　　　　　横浜市の消費者物価指数の概要</t>
    <phoneticPr fontId="2"/>
  </si>
  <si>
    <t>**********************************************************************************************</t>
    <phoneticPr fontId="2"/>
  </si>
  <si>
    <t>*********************************************************************************************</t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費　　目</t>
    <rPh sb="0" eb="1">
      <t>ヒ</t>
    </rPh>
    <rPh sb="3" eb="4">
      <t>メ</t>
    </rPh>
    <phoneticPr fontId="2"/>
  </si>
  <si>
    <t>総合</t>
    <rPh sb="0" eb="2">
      <t>ソウゴウ</t>
    </rPh>
    <phoneticPr fontId="2"/>
  </si>
  <si>
    <t>食料</t>
    <rPh sb="0" eb="2">
      <t>ショクリョウ</t>
    </rPh>
    <phoneticPr fontId="2"/>
  </si>
  <si>
    <t>住居</t>
    <rPh sb="0" eb="2">
      <t>ジュウキョ</t>
    </rPh>
    <phoneticPr fontId="2"/>
  </si>
  <si>
    <t>光熱・
　水道</t>
    <rPh sb="0" eb="2">
      <t>コウネツ</t>
    </rPh>
    <rPh sb="5" eb="7">
      <t>スイドウ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保健医療</t>
    <rPh sb="0" eb="2">
      <t>ホケン</t>
    </rPh>
    <rPh sb="2" eb="4">
      <t>イリョウ</t>
    </rPh>
    <phoneticPr fontId="2"/>
  </si>
  <si>
    <t>交通・
   通信</t>
    <rPh sb="0" eb="2">
      <t>コウツウ</t>
    </rPh>
    <rPh sb="7" eb="9">
      <t>ツウシン</t>
    </rPh>
    <phoneticPr fontId="2"/>
  </si>
  <si>
    <t>教育</t>
    <rPh sb="0" eb="2">
      <t>キョウイク</t>
    </rPh>
    <phoneticPr fontId="2"/>
  </si>
  <si>
    <t>教養娯楽</t>
    <rPh sb="0" eb="2">
      <t>キョウヨウ</t>
    </rPh>
    <rPh sb="2" eb="4">
      <t>ゴラク</t>
    </rPh>
    <phoneticPr fontId="2"/>
  </si>
  <si>
    <t>諸雑費</t>
    <rPh sb="0" eb="1">
      <t>ショ</t>
    </rPh>
    <rPh sb="1" eb="3">
      <t>ザッピ</t>
    </rPh>
    <phoneticPr fontId="2"/>
  </si>
  <si>
    <t>指　数</t>
    <rPh sb="0" eb="1">
      <t>ユビ</t>
    </rPh>
    <rPh sb="2" eb="3">
      <t>スウ</t>
    </rPh>
    <phoneticPr fontId="2"/>
  </si>
  <si>
    <t>前月比（％）</t>
    <rPh sb="0" eb="2">
      <t>ゼンゲツ</t>
    </rPh>
    <rPh sb="2" eb="3">
      <t>ヒ</t>
    </rPh>
    <phoneticPr fontId="2"/>
  </si>
  <si>
    <t>前年同月比
（％）</t>
    <rPh sb="0" eb="2">
      <t>ゼンネン</t>
    </rPh>
    <rPh sb="2" eb="4">
      <t>ドウゲツ</t>
    </rPh>
    <rPh sb="4" eb="5">
      <t>ヒ</t>
    </rPh>
    <phoneticPr fontId="2"/>
  </si>
  <si>
    <t>　　　　　　　　　　　　　　　　　　　  　　　　中 　分　 類　 指　 数　　　　　　　　　</t>
    <phoneticPr fontId="20"/>
  </si>
  <si>
    <t>横浜市</t>
    <rPh sb="0" eb="3">
      <t>ヨコハマシ</t>
    </rPh>
    <phoneticPr fontId="20"/>
  </si>
  <si>
    <t>分　　　類　　　名</t>
    <rPh sb="8" eb="9">
      <t>メイ</t>
    </rPh>
    <phoneticPr fontId="20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他の諸雑費</t>
    <rPh sb="0" eb="1">
      <t>タ</t>
    </rPh>
    <rPh sb="2" eb="3">
      <t>ショ</t>
    </rPh>
    <rPh sb="3" eb="5">
      <t>ザッピ</t>
    </rPh>
    <phoneticPr fontId="2"/>
  </si>
  <si>
    <t>住居</t>
    <phoneticPr fontId="2"/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 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２０２２年７月</t>
    <rPh sb="4" eb="5">
      <t>ネン</t>
    </rPh>
    <rPh sb="6" eb="7">
      <t>ツキ</t>
    </rPh>
    <phoneticPr fontId="2"/>
  </si>
  <si>
    <t>２０２２年７月分</t>
    <rPh sb="4" eb="5">
      <t>ネン</t>
    </rPh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２．１</t>
    </r>
    <phoneticPr fontId="2"/>
  </si>
  <si>
    <t>　　　　　　　　   前年同月比は2.4％の上昇　　　　前月比は0.6％の上昇</t>
    <rPh sb="22" eb="24">
      <t>ジョウショウ</t>
    </rPh>
    <rPh sb="37" eb="39">
      <t>ジョウショウ</t>
    </rPh>
    <phoneticPr fontId="2"/>
  </si>
  <si>
    <t>　   　　  2　生鮮食品を除く総合指数は１０２．０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2.2％の上昇　　　　前月比は0.7％の上昇</t>
    <rPh sb="22" eb="24">
      <t>ジョウショウ</t>
    </rPh>
    <rPh sb="37" eb="39">
      <t>ジョウショウ</t>
    </rPh>
    <phoneticPr fontId="2"/>
  </si>
  <si>
    <t>　　   　  3　生鮮食品及びエネルギーを除く総合指数は１００．７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1.0％の上昇　　　　前月比は0.6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_ "/>
    <numFmt numFmtId="177" formatCode="#,##0.0_ "/>
  </numFmts>
  <fonts count="35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4"/>
      <color theme="1"/>
      <name val="ＭＳ ゴシック"/>
      <family val="3"/>
      <charset val="128"/>
    </font>
    <font>
      <b/>
      <sz val="9"/>
      <color theme="1"/>
      <name val="ＭＳ Ｐ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1"/>
      <color theme="1"/>
      <name val="ＭＳ 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8" fillId="0" borderId="0"/>
    <xf numFmtId="0" fontId="18" fillId="0" borderId="0"/>
  </cellStyleXfs>
  <cellXfs count="126">
    <xf numFmtId="0" fontId="0" fillId="0" borderId="0" xfId="0">
      <alignment vertical="center"/>
    </xf>
    <xf numFmtId="0" fontId="0" fillId="0" borderId="0" xfId="0" applyBorder="1">
      <alignment vertical="center"/>
    </xf>
    <xf numFmtId="0" fontId="4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8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0" fontId="8" fillId="0" borderId="0" xfId="0" applyFont="1" applyBorder="1">
      <alignment vertical="center"/>
    </xf>
    <xf numFmtId="0" fontId="8" fillId="0" borderId="0" xfId="0" applyFont="1">
      <alignment vertical="center"/>
    </xf>
    <xf numFmtId="0" fontId="0" fillId="0" borderId="0" xfId="0" applyFont="1" applyAlignment="1">
      <alignment vertical="center"/>
    </xf>
    <xf numFmtId="0" fontId="15" fillId="0" borderId="1" xfId="0" applyFont="1" applyBorder="1" applyAlignment="1">
      <alignment horizontal="center" vertical="center" wrapText="1" shrinkToFit="1"/>
    </xf>
    <xf numFmtId="0" fontId="15" fillId="0" borderId="2" xfId="0" applyFont="1" applyBorder="1" applyAlignment="1">
      <alignment horizontal="center" vertical="center" wrapText="1" shrinkToFit="1"/>
    </xf>
    <xf numFmtId="0" fontId="15" fillId="0" borderId="3" xfId="0" applyFont="1" applyBorder="1" applyAlignment="1">
      <alignment horizontal="center" vertical="center" wrapText="1" shrinkToFit="1"/>
    </xf>
    <xf numFmtId="0" fontId="15" fillId="0" borderId="1" xfId="0" applyFont="1" applyBorder="1" applyAlignment="1">
      <alignment horizontal="center" vertical="center" wrapText="1"/>
    </xf>
    <xf numFmtId="176" fontId="16" fillId="0" borderId="2" xfId="0" applyNumberFormat="1" applyFont="1" applyBorder="1">
      <alignment vertical="center"/>
    </xf>
    <xf numFmtId="176" fontId="16" fillId="0" borderId="3" xfId="0" applyNumberFormat="1" applyFont="1" applyBorder="1">
      <alignment vertical="center"/>
    </xf>
    <xf numFmtId="176" fontId="16" fillId="0" borderId="1" xfId="0" applyNumberFormat="1" applyFont="1" applyBorder="1" applyAlignment="1">
      <alignment horizontal="right" vertical="center"/>
    </xf>
    <xf numFmtId="176" fontId="16" fillId="0" borderId="1" xfId="0" applyNumberFormat="1" applyFont="1" applyBorder="1">
      <alignment vertical="center"/>
    </xf>
    <xf numFmtId="176" fontId="16" fillId="0" borderId="4" xfId="0" applyNumberFormat="1" applyFont="1" applyBorder="1">
      <alignment vertical="center"/>
    </xf>
    <xf numFmtId="0" fontId="17" fillId="0" borderId="1" xfId="0" applyFont="1" applyBorder="1" applyAlignment="1">
      <alignment horizontal="center" vertical="center" wrapText="1"/>
    </xf>
    <xf numFmtId="176" fontId="16" fillId="0" borderId="1" xfId="0" applyNumberFormat="1" applyFont="1" applyBorder="1" applyAlignment="1">
      <alignment vertical="center"/>
    </xf>
    <xf numFmtId="176" fontId="16" fillId="0" borderId="4" xfId="0" applyNumberFormat="1" applyFont="1" applyBorder="1" applyAlignment="1">
      <alignment horizontal="right" vertical="center"/>
    </xf>
    <xf numFmtId="0" fontId="21" fillId="0" borderId="0" xfId="2" applyFont="1"/>
    <xf numFmtId="176" fontId="21" fillId="0" borderId="0" xfId="2" applyNumberFormat="1" applyFont="1"/>
    <xf numFmtId="0" fontId="25" fillId="0" borderId="0" xfId="2" applyFont="1" applyBorder="1"/>
    <xf numFmtId="0" fontId="21" fillId="0" borderId="0" xfId="2" applyFont="1" applyBorder="1"/>
    <xf numFmtId="176" fontId="21" fillId="0" borderId="0" xfId="2" applyNumberFormat="1" applyFont="1" applyBorder="1"/>
    <xf numFmtId="0" fontId="26" fillId="0" borderId="0" xfId="2" applyFont="1"/>
    <xf numFmtId="0" fontId="27" fillId="0" borderId="0" xfId="2" applyFont="1"/>
    <xf numFmtId="0" fontId="28" fillId="0" borderId="0" xfId="2" applyFont="1" applyBorder="1"/>
    <xf numFmtId="176" fontId="29" fillId="0" borderId="6" xfId="2" quotePrefix="1" applyNumberFormat="1" applyFont="1" applyBorder="1" applyAlignment="1">
      <alignment horizontal="center" vertical="center"/>
    </xf>
    <xf numFmtId="176" fontId="29" fillId="0" borderId="6" xfId="2" applyNumberFormat="1" applyFont="1" applyBorder="1" applyAlignment="1">
      <alignment horizontal="center" vertical="center" wrapText="1"/>
    </xf>
    <xf numFmtId="176" fontId="29" fillId="0" borderId="7" xfId="2" applyNumberFormat="1" applyFont="1" applyBorder="1" applyAlignment="1">
      <alignment horizontal="center" vertical="center" wrapText="1"/>
    </xf>
    <xf numFmtId="0" fontId="30" fillId="0" borderId="2" xfId="2" quotePrefix="1" applyNumberFormat="1" applyFont="1" applyBorder="1" applyAlignment="1">
      <alignment horizontal="left"/>
    </xf>
    <xf numFmtId="0" fontId="30" fillId="0" borderId="8" xfId="2" applyFont="1" applyBorder="1" applyAlignment="1">
      <alignment horizontal="left"/>
    </xf>
    <xf numFmtId="176" fontId="31" fillId="0" borderId="9" xfId="1" applyNumberFormat="1" applyFont="1" applyFill="1" applyBorder="1" applyAlignment="1">
      <alignment vertical="center"/>
    </xf>
    <xf numFmtId="176" fontId="31" fillId="0" borderId="10" xfId="1" applyNumberFormat="1" applyFont="1" applyFill="1" applyBorder="1" applyAlignment="1">
      <alignment vertical="center"/>
    </xf>
    <xf numFmtId="0" fontId="30" fillId="0" borderId="11" xfId="2" quotePrefix="1" applyNumberFormat="1" applyFont="1" applyBorder="1"/>
    <xf numFmtId="0" fontId="30" fillId="0" borderId="12" xfId="2" applyFont="1" applyBorder="1"/>
    <xf numFmtId="176" fontId="32" fillId="2" borderId="13" xfId="1" applyNumberFormat="1" applyFont="1" applyFill="1" applyBorder="1" applyAlignment="1">
      <alignment vertical="center"/>
    </xf>
    <xf numFmtId="176" fontId="32" fillId="2" borderId="14" xfId="1" applyNumberFormat="1" applyFont="1" applyFill="1" applyBorder="1" applyAlignment="1">
      <alignment vertical="center"/>
    </xf>
    <xf numFmtId="176" fontId="32" fillId="2" borderId="15" xfId="1" applyNumberFormat="1" applyFont="1" applyFill="1" applyBorder="1" applyAlignment="1">
      <alignment vertical="center"/>
    </xf>
    <xf numFmtId="0" fontId="30" fillId="0" borderId="16" xfId="2" quotePrefix="1" applyNumberFormat="1" applyFont="1" applyBorder="1"/>
    <xf numFmtId="0" fontId="30" fillId="0" borderId="0" xfId="2" applyFont="1" applyBorder="1"/>
    <xf numFmtId="176" fontId="31" fillId="0" borderId="14" xfId="1" applyNumberFormat="1" applyFont="1" applyFill="1" applyBorder="1" applyAlignment="1">
      <alignment vertical="center"/>
    </xf>
    <xf numFmtId="176" fontId="31" fillId="0" borderId="17" xfId="1" applyNumberFormat="1" applyFont="1" applyFill="1" applyBorder="1" applyAlignment="1">
      <alignment vertical="center"/>
    </xf>
    <xf numFmtId="0" fontId="21" fillId="2" borderId="0" xfId="2" applyFont="1" applyFill="1"/>
    <xf numFmtId="0" fontId="30" fillId="0" borderId="16" xfId="2" applyFont="1" applyBorder="1"/>
    <xf numFmtId="0" fontId="30" fillId="0" borderId="18" xfId="2" quotePrefix="1" applyNumberFormat="1" applyFont="1" applyBorder="1"/>
    <xf numFmtId="176" fontId="32" fillId="0" borderId="19" xfId="1" applyNumberFormat="1" applyFont="1" applyFill="1" applyBorder="1" applyAlignment="1">
      <alignment vertical="center"/>
    </xf>
    <xf numFmtId="176" fontId="32" fillId="0" borderId="20" xfId="1" applyNumberFormat="1" applyFont="1" applyFill="1" applyBorder="1" applyAlignment="1">
      <alignment vertical="center"/>
    </xf>
    <xf numFmtId="176" fontId="32" fillId="0" borderId="21" xfId="1" applyNumberFormat="1" applyFont="1" applyFill="1" applyBorder="1" applyAlignment="1">
      <alignment vertical="center"/>
    </xf>
    <xf numFmtId="0" fontId="30" fillId="0" borderId="22" xfId="2" quotePrefix="1" applyNumberFormat="1" applyFont="1" applyBorder="1"/>
    <xf numFmtId="176" fontId="31" fillId="0" borderId="18" xfId="1" applyNumberFormat="1" applyFont="1" applyFill="1" applyBorder="1" applyAlignment="1">
      <alignment vertical="center"/>
    </xf>
    <xf numFmtId="176" fontId="31" fillId="0" borderId="23" xfId="1" applyNumberFormat="1" applyFont="1" applyFill="1" applyBorder="1" applyAlignment="1">
      <alignment vertical="center"/>
    </xf>
    <xf numFmtId="0" fontId="33" fillId="0" borderId="20" xfId="2" quotePrefix="1" applyNumberFormat="1" applyFont="1" applyBorder="1" applyAlignment="1">
      <alignment shrinkToFit="1"/>
    </xf>
    <xf numFmtId="176" fontId="31" fillId="0" borderId="0" xfId="1" applyNumberFormat="1" applyFont="1" applyFill="1" applyAlignment="1">
      <alignment vertical="center"/>
    </xf>
    <xf numFmtId="176" fontId="31" fillId="0" borderId="20" xfId="1" applyNumberFormat="1" applyFont="1" applyFill="1" applyBorder="1" applyAlignment="1">
      <alignment vertical="center"/>
    </xf>
    <xf numFmtId="176" fontId="31" fillId="0" borderId="21" xfId="1" applyNumberFormat="1" applyFont="1" applyFill="1" applyBorder="1" applyAlignment="1">
      <alignment vertical="center"/>
    </xf>
    <xf numFmtId="0" fontId="30" fillId="0" borderId="19" xfId="2" quotePrefix="1" applyNumberFormat="1" applyFont="1" applyBorder="1"/>
    <xf numFmtId="176" fontId="31" fillId="0" borderId="24" xfId="1" applyNumberFormat="1" applyFont="1" applyFill="1" applyBorder="1" applyAlignment="1">
      <alignment vertical="center"/>
    </xf>
    <xf numFmtId="0" fontId="30" fillId="0" borderId="25" xfId="2" applyFont="1" applyBorder="1"/>
    <xf numFmtId="0" fontId="30" fillId="0" borderId="26" xfId="2" quotePrefix="1" applyNumberFormat="1" applyFont="1" applyBorder="1"/>
    <xf numFmtId="0" fontId="30" fillId="0" borderId="18" xfId="2" quotePrefix="1" applyNumberFormat="1" applyFont="1" applyBorder="1" applyAlignment="1">
      <alignment shrinkToFit="1"/>
    </xf>
    <xf numFmtId="0" fontId="30" fillId="0" borderId="20" xfId="2" quotePrefix="1" applyNumberFormat="1" applyFont="1" applyBorder="1"/>
    <xf numFmtId="0" fontId="21" fillId="0" borderId="0" xfId="2" applyFont="1" applyFill="1"/>
    <xf numFmtId="176" fontId="31" fillId="2" borderId="13" xfId="1" applyNumberFormat="1" applyFont="1" applyFill="1" applyBorder="1" applyAlignment="1">
      <alignment vertical="center"/>
    </xf>
    <xf numFmtId="176" fontId="31" fillId="2" borderId="14" xfId="1" applyNumberFormat="1" applyFont="1" applyFill="1" applyBorder="1" applyAlignment="1">
      <alignment vertical="center"/>
    </xf>
    <xf numFmtId="176" fontId="31" fillId="2" borderId="15" xfId="1" applyNumberFormat="1" applyFont="1" applyFill="1" applyBorder="1" applyAlignment="1">
      <alignment vertical="center"/>
    </xf>
    <xf numFmtId="0" fontId="30" fillId="0" borderId="27" xfId="2" applyFont="1" applyBorder="1"/>
    <xf numFmtId="176" fontId="32" fillId="0" borderId="24" xfId="1" applyNumberFormat="1" applyFont="1" applyFill="1" applyBorder="1" applyAlignment="1">
      <alignment vertical="center"/>
    </xf>
    <xf numFmtId="176" fontId="31" fillId="0" borderId="19" xfId="1" applyNumberFormat="1" applyFont="1" applyFill="1" applyBorder="1" applyAlignment="1">
      <alignment vertical="center"/>
    </xf>
    <xf numFmtId="0" fontId="30" fillId="0" borderId="28" xfId="2" quotePrefix="1" applyNumberFormat="1" applyFont="1" applyBorder="1"/>
    <xf numFmtId="176" fontId="21" fillId="0" borderId="28" xfId="2" applyNumberFormat="1" applyFont="1" applyBorder="1"/>
    <xf numFmtId="0" fontId="30" fillId="0" borderId="29" xfId="2" quotePrefix="1" applyNumberFormat="1" applyFont="1" applyBorder="1"/>
    <xf numFmtId="176" fontId="31" fillId="0" borderId="29" xfId="1" applyNumberFormat="1" applyFont="1" applyFill="1" applyBorder="1" applyAlignment="1">
      <alignment vertical="center"/>
    </xf>
    <xf numFmtId="176" fontId="31" fillId="0" borderId="26" xfId="1" applyNumberFormat="1" applyFont="1" applyFill="1" applyBorder="1" applyAlignment="1">
      <alignment vertical="center"/>
    </xf>
    <xf numFmtId="176" fontId="31" fillId="0" borderId="30" xfId="1" applyNumberFormat="1" applyFont="1" applyFill="1" applyBorder="1" applyAlignment="1">
      <alignment vertical="center"/>
    </xf>
    <xf numFmtId="0" fontId="30" fillId="0" borderId="0" xfId="2" quotePrefix="1" applyNumberFormat="1" applyFont="1" applyBorder="1"/>
    <xf numFmtId="176" fontId="34" fillId="0" borderId="0" xfId="1" applyNumberFormat="1" applyFont="1" applyFill="1" applyBorder="1" applyAlignment="1">
      <alignment vertical="center"/>
    </xf>
    <xf numFmtId="176" fontId="31" fillId="0" borderId="22" xfId="1" applyNumberFormat="1" applyFont="1" applyFill="1" applyBorder="1" applyAlignment="1">
      <alignment vertical="center"/>
    </xf>
    <xf numFmtId="176" fontId="31" fillId="0" borderId="31" xfId="1" applyNumberFormat="1" applyFont="1" applyFill="1" applyBorder="1" applyAlignment="1">
      <alignment vertical="center"/>
    </xf>
    <xf numFmtId="0" fontId="30" fillId="0" borderId="16" xfId="2" applyFont="1" applyFill="1" applyBorder="1"/>
    <xf numFmtId="0" fontId="30" fillId="0" borderId="20" xfId="2" quotePrefix="1" applyNumberFormat="1" applyFont="1" applyFill="1" applyBorder="1"/>
    <xf numFmtId="176" fontId="32" fillId="0" borderId="0" xfId="1" applyNumberFormat="1" applyFont="1" applyFill="1" applyAlignment="1">
      <alignment vertical="center"/>
    </xf>
    <xf numFmtId="0" fontId="21" fillId="0" borderId="20" xfId="2" quotePrefix="1" applyNumberFormat="1" applyFont="1" applyBorder="1" applyAlignment="1">
      <alignment shrinkToFit="1"/>
    </xf>
    <xf numFmtId="0" fontId="21" fillId="0" borderId="20" xfId="2" quotePrefix="1" applyNumberFormat="1" applyFont="1" applyBorder="1"/>
    <xf numFmtId="177" fontId="31" fillId="2" borderId="15" xfId="1" applyNumberFormat="1" applyFont="1" applyFill="1" applyBorder="1" applyAlignment="1">
      <alignment vertical="center"/>
    </xf>
    <xf numFmtId="0" fontId="30" fillId="0" borderId="11" xfId="2" applyNumberFormat="1" applyFont="1" applyBorder="1"/>
    <xf numFmtId="0" fontId="30" fillId="0" borderId="20" xfId="2" applyNumberFormat="1" applyFont="1" applyBorder="1"/>
    <xf numFmtId="0" fontId="0" fillId="0" borderId="0" xfId="0" applyAlignment="1">
      <alignment vertical="center"/>
    </xf>
    <xf numFmtId="0" fontId="13" fillId="0" borderId="0" xfId="0" applyFont="1" applyBorder="1" applyAlignment="1">
      <alignment horizontal="left" vertical="center"/>
    </xf>
    <xf numFmtId="176" fontId="31" fillId="0" borderId="32" xfId="1" applyNumberFormat="1" applyFont="1" applyFill="1" applyBorder="1" applyAlignment="1">
      <alignment vertical="center"/>
    </xf>
    <xf numFmtId="176" fontId="31" fillId="0" borderId="0" xfId="1" applyNumberFormat="1" applyFont="1" applyFill="1" applyBorder="1" applyAlignment="1">
      <alignment vertical="center"/>
    </xf>
    <xf numFmtId="0" fontId="8" fillId="0" borderId="0" xfId="0" applyFont="1" applyBorder="1" applyAlignment="1">
      <alignment vertical="center"/>
    </xf>
    <xf numFmtId="0" fontId="14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11" fillId="0" borderId="0" xfId="0" applyFont="1" applyBorder="1" applyAlignment="1">
      <alignment vertical="center"/>
    </xf>
    <xf numFmtId="0" fontId="13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8" fillId="0" borderId="0" xfId="0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12" fillId="0" borderId="0" xfId="0" applyFont="1" applyBorder="1" applyAlignment="1">
      <alignment horizontal="justify" vertical="center"/>
    </xf>
    <xf numFmtId="0" fontId="3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10" fillId="0" borderId="0" xfId="0" applyFont="1" applyBorder="1" applyAlignment="1">
      <alignment horizontal="justify" vertical="center"/>
    </xf>
    <xf numFmtId="0" fontId="11" fillId="0" borderId="0" xfId="0" applyFont="1" applyBorder="1" applyAlignment="1">
      <alignment horizontal="left" vertical="center"/>
    </xf>
    <xf numFmtId="0" fontId="23" fillId="0" borderId="0" xfId="2" applyFont="1" applyAlignment="1"/>
    <xf numFmtId="0" fontId="24" fillId="0" borderId="0" xfId="0" applyFont="1" applyAlignment="1"/>
    <xf numFmtId="0" fontId="29" fillId="0" borderId="2" xfId="2" applyNumberFormat="1" applyFont="1" applyBorder="1" applyAlignment="1">
      <alignment horizontal="center" vertical="center"/>
    </xf>
    <xf numFmtId="0" fontId="18" fillId="0" borderId="5" xfId="1" applyBorder="1" applyAlignment="1">
      <alignment horizontal="center" vertical="center"/>
    </xf>
    <xf numFmtId="176" fontId="19" fillId="0" borderId="0" xfId="2" applyNumberFormat="1" applyFont="1" applyAlignment="1"/>
    <xf numFmtId="0" fontId="1" fillId="0" borderId="0" xfId="0" applyFont="1" applyAlignment="1"/>
    <xf numFmtId="49" fontId="19" fillId="0" borderId="0" xfId="2" applyNumberFormat="1" applyFont="1" applyAlignment="1">
      <alignment horizontal="right"/>
    </xf>
    <xf numFmtId="49" fontId="0" fillId="0" borderId="0" xfId="0" applyNumberFormat="1" applyAlignment="1">
      <alignment horizontal="right"/>
    </xf>
    <xf numFmtId="176" fontId="22" fillId="0" borderId="0" xfId="2" applyNumberFormat="1" applyFont="1" applyAlignment="1">
      <alignment horizontal="center"/>
    </xf>
    <xf numFmtId="176" fontId="8" fillId="0" borderId="0" xfId="2" applyNumberFormat="1" applyFont="1" applyAlignment="1">
      <alignment horizontal="center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08" t="s">
        <v>0</v>
      </c>
      <c r="B2" s="101"/>
      <c r="C2" s="101"/>
      <c r="D2" s="101"/>
      <c r="E2" s="101"/>
      <c r="F2" s="101"/>
      <c r="G2" s="101"/>
      <c r="H2" s="101"/>
      <c r="I2" s="101"/>
      <c r="J2" s="101"/>
      <c r="K2" s="2"/>
      <c r="L2" s="109"/>
      <c r="M2" s="109"/>
      <c r="N2" s="109"/>
      <c r="O2" s="3"/>
      <c r="P2" s="3"/>
    </row>
    <row r="3" spans="1:16" ht="20.100000000000001" customHeight="1">
      <c r="A3" s="4"/>
      <c r="B3" s="110"/>
      <c r="C3" s="104"/>
      <c r="D3" s="104"/>
      <c r="E3" s="104"/>
      <c r="F3" s="104"/>
      <c r="G3" s="104"/>
      <c r="H3" s="104"/>
      <c r="I3" s="104"/>
      <c r="J3" s="104"/>
      <c r="K3" s="104"/>
      <c r="L3" s="104"/>
      <c r="M3" s="104"/>
      <c r="N3" s="104"/>
    </row>
    <row r="4" spans="1:16" ht="20.100000000000001" customHeight="1">
      <c r="A4" s="111" t="s">
        <v>87</v>
      </c>
      <c r="B4" s="101"/>
      <c r="C4" s="101"/>
      <c r="D4" s="101"/>
      <c r="E4" s="101"/>
      <c r="F4" s="101"/>
      <c r="G4" s="101"/>
      <c r="H4" s="101"/>
      <c r="I4" s="101"/>
      <c r="J4" s="101"/>
      <c r="K4" s="101"/>
      <c r="L4" s="101"/>
      <c r="M4" s="101"/>
      <c r="N4" s="5"/>
      <c r="O4" s="3"/>
      <c r="P4" s="3"/>
    </row>
    <row r="5" spans="1:16" ht="20.100000000000001" customHeight="1">
      <c r="A5" s="6"/>
      <c r="B5" s="5"/>
      <c r="C5" s="5"/>
      <c r="D5" s="5"/>
      <c r="E5" s="5"/>
      <c r="F5" s="5"/>
      <c r="G5" s="5"/>
      <c r="H5" s="5"/>
      <c r="I5" s="5"/>
      <c r="J5" s="5"/>
      <c r="K5" s="5"/>
      <c r="L5" s="7"/>
      <c r="M5" s="5"/>
      <c r="N5" s="5"/>
    </row>
    <row r="6" spans="1:16" ht="20.100000000000001" customHeight="1">
      <c r="A6" s="112" t="s">
        <v>93</v>
      </c>
      <c r="B6" s="113"/>
      <c r="C6" s="113"/>
      <c r="D6" s="113"/>
      <c r="E6" s="113"/>
      <c r="F6" s="113"/>
      <c r="G6" s="113"/>
      <c r="H6" s="113"/>
      <c r="I6" s="113"/>
      <c r="J6" s="113"/>
      <c r="K6" s="113"/>
      <c r="L6" s="113"/>
      <c r="M6" s="113"/>
      <c r="N6" s="5"/>
      <c r="O6" s="3"/>
      <c r="P6" s="3"/>
    </row>
    <row r="7" spans="1:16">
      <c r="A7" s="8"/>
      <c r="B7" s="9"/>
      <c r="C7" s="9"/>
      <c r="D7" s="9"/>
      <c r="E7" s="9"/>
      <c r="F7" s="9"/>
      <c r="G7" s="9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101" t="s">
        <v>1</v>
      </c>
      <c r="B9" s="101"/>
      <c r="C9" s="101"/>
      <c r="D9" s="101"/>
      <c r="E9" s="101"/>
      <c r="F9" s="101"/>
      <c r="G9" s="101"/>
      <c r="H9" s="101"/>
      <c r="I9" s="101"/>
      <c r="J9" s="101"/>
      <c r="K9" s="101"/>
      <c r="L9" s="101"/>
      <c r="M9" s="101"/>
      <c r="N9" s="101"/>
      <c r="O9" s="3"/>
      <c r="P9" s="3"/>
    </row>
    <row r="10" spans="1:16" ht="22.15" customHeight="1">
      <c r="A10" s="114" t="s">
        <v>94</v>
      </c>
      <c r="B10" s="101"/>
      <c r="C10" s="101"/>
      <c r="D10" s="101"/>
      <c r="E10" s="101"/>
      <c r="F10" s="101"/>
      <c r="G10" s="101"/>
      <c r="H10" s="101"/>
      <c r="I10" s="101"/>
      <c r="J10" s="101"/>
      <c r="K10" s="101"/>
      <c r="L10" s="101"/>
      <c r="M10" s="101"/>
      <c r="N10" s="101"/>
      <c r="O10" s="3"/>
      <c r="P10" s="3"/>
    </row>
    <row r="11" spans="1:16" ht="22.15" customHeight="1">
      <c r="A11" s="107" t="s">
        <v>95</v>
      </c>
      <c r="B11" s="101"/>
      <c r="C11" s="101"/>
      <c r="D11" s="101"/>
      <c r="E11" s="101"/>
      <c r="F11" s="101"/>
      <c r="G11" s="101"/>
      <c r="H11" s="101"/>
      <c r="I11" s="101"/>
      <c r="J11" s="101"/>
      <c r="K11" s="101"/>
      <c r="L11" s="101"/>
      <c r="M11" s="101"/>
      <c r="N11" s="101"/>
      <c r="O11" s="10"/>
      <c r="P11" s="10"/>
    </row>
    <row r="12" spans="1:16" ht="22.15" customHeight="1">
      <c r="A12" s="115" t="s">
        <v>96</v>
      </c>
      <c r="B12" s="101"/>
      <c r="C12" s="101"/>
      <c r="D12" s="101"/>
      <c r="E12" s="101"/>
      <c r="F12" s="101"/>
      <c r="G12" s="101"/>
      <c r="H12" s="101"/>
      <c r="I12" s="101"/>
      <c r="J12" s="101"/>
      <c r="K12" s="101"/>
      <c r="L12" s="101"/>
      <c r="M12" s="101"/>
      <c r="N12" s="101"/>
      <c r="O12" s="10"/>
      <c r="P12" s="10"/>
    </row>
    <row r="13" spans="1:16" ht="22.15" customHeight="1">
      <c r="A13" s="107" t="s">
        <v>97</v>
      </c>
      <c r="B13" s="101"/>
      <c r="C13" s="101"/>
      <c r="D13" s="101"/>
      <c r="E13" s="101"/>
      <c r="F13" s="101"/>
      <c r="G13" s="101"/>
      <c r="H13" s="101"/>
      <c r="I13" s="101"/>
      <c r="J13" s="101"/>
      <c r="K13" s="101"/>
      <c r="L13" s="101"/>
      <c r="M13" s="101"/>
      <c r="N13" s="101"/>
      <c r="O13" s="10"/>
      <c r="P13" s="10"/>
    </row>
    <row r="14" spans="1:16" ht="22.15" customHeight="1">
      <c r="A14" s="102" t="s">
        <v>98</v>
      </c>
      <c r="B14" s="101"/>
      <c r="C14" s="101"/>
      <c r="D14" s="101"/>
      <c r="E14" s="101"/>
      <c r="F14" s="101"/>
      <c r="G14" s="101"/>
      <c r="H14" s="101"/>
      <c r="I14" s="101"/>
      <c r="J14" s="101"/>
      <c r="K14" s="101"/>
      <c r="L14" s="101"/>
      <c r="M14" s="101"/>
      <c r="N14" s="101"/>
      <c r="O14" s="10"/>
      <c r="P14" s="10"/>
    </row>
    <row r="15" spans="1:16" ht="22.15" customHeight="1">
      <c r="A15" s="107" t="s">
        <v>99</v>
      </c>
      <c r="B15" s="101"/>
      <c r="C15" s="101"/>
      <c r="D15" s="101"/>
      <c r="E15" s="101"/>
      <c r="F15" s="101"/>
      <c r="G15" s="101"/>
      <c r="H15" s="101"/>
      <c r="I15" s="101"/>
      <c r="J15" s="101"/>
      <c r="K15" s="101"/>
      <c r="L15" s="101"/>
      <c r="M15" s="101"/>
      <c r="N15" s="101"/>
      <c r="O15" s="10"/>
      <c r="P15" s="10"/>
    </row>
    <row r="16" spans="1:16">
      <c r="A16" s="101" t="s">
        <v>2</v>
      </c>
      <c r="B16" s="101"/>
      <c r="C16" s="101"/>
      <c r="D16" s="101"/>
      <c r="E16" s="101"/>
      <c r="F16" s="101"/>
      <c r="G16" s="101"/>
      <c r="H16" s="101"/>
      <c r="I16" s="101"/>
      <c r="J16" s="101"/>
      <c r="K16" s="101"/>
      <c r="L16" s="101"/>
      <c r="M16" s="101"/>
      <c r="N16" s="101"/>
      <c r="O16" s="3"/>
      <c r="P16" s="3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02" t="s">
        <v>3</v>
      </c>
      <c r="B18" s="101"/>
      <c r="C18" s="101"/>
      <c r="D18" s="101"/>
      <c r="E18" s="101"/>
      <c r="F18" s="101"/>
      <c r="G18" s="101"/>
      <c r="H18" s="101"/>
      <c r="I18" s="101"/>
      <c r="J18" s="101"/>
      <c r="K18" s="101"/>
      <c r="L18" s="101"/>
      <c r="M18" s="101"/>
      <c r="N18" s="101"/>
      <c r="O18" s="11"/>
      <c r="P18" s="11"/>
    </row>
    <row r="19" spans="1:20" ht="20.100000000000001" customHeight="1">
      <c r="A19" s="103" t="s">
        <v>4</v>
      </c>
      <c r="B19" s="104"/>
      <c r="C19" s="104"/>
      <c r="D19" s="104"/>
      <c r="E19" s="104"/>
      <c r="F19" s="104"/>
      <c r="G19" s="104"/>
      <c r="H19" s="104"/>
      <c r="I19" s="104"/>
      <c r="J19" s="104"/>
      <c r="K19" s="104"/>
      <c r="L19" s="104"/>
      <c r="M19" s="104"/>
      <c r="N19" s="104"/>
      <c r="O19" s="10"/>
      <c r="P19" s="10"/>
    </row>
    <row r="20" spans="1:20" ht="20.100000000000001" customHeight="1">
      <c r="A20" s="103" t="s">
        <v>89</v>
      </c>
      <c r="B20" s="105"/>
      <c r="C20" s="105"/>
      <c r="D20" s="105"/>
      <c r="E20" s="105"/>
      <c r="F20" s="105"/>
      <c r="G20" s="105"/>
      <c r="H20" s="105"/>
      <c r="I20" s="105"/>
      <c r="J20" s="105"/>
      <c r="K20" s="105"/>
      <c r="L20" s="105"/>
      <c r="M20" s="105"/>
      <c r="N20" s="101"/>
      <c r="O20" s="10"/>
      <c r="P20" s="10"/>
    </row>
    <row r="21" spans="1:20" ht="20.100000000000001" customHeight="1">
      <c r="A21" s="106" t="s">
        <v>90</v>
      </c>
      <c r="B21" s="105"/>
      <c r="C21" s="105"/>
      <c r="D21" s="105"/>
      <c r="E21" s="105"/>
      <c r="F21" s="105"/>
      <c r="G21" s="105"/>
      <c r="H21" s="105"/>
      <c r="I21" s="105"/>
      <c r="J21" s="105"/>
      <c r="K21" s="105"/>
      <c r="L21" s="105"/>
      <c r="M21" s="105"/>
      <c r="N21" s="7"/>
      <c r="O21" s="10"/>
      <c r="P21" s="10"/>
    </row>
    <row r="22" spans="1:20" ht="20.100000000000001" customHeight="1">
      <c r="A22" s="106" t="s">
        <v>91</v>
      </c>
      <c r="B22" s="105"/>
      <c r="C22" s="105"/>
      <c r="D22" s="105"/>
      <c r="E22" s="105"/>
      <c r="F22" s="105"/>
      <c r="G22" s="105"/>
      <c r="H22" s="105"/>
      <c r="I22" s="105"/>
      <c r="J22" s="105"/>
      <c r="K22" s="105"/>
      <c r="L22" s="105"/>
      <c r="M22" s="105"/>
      <c r="N22" s="99"/>
      <c r="O22" s="10"/>
      <c r="P22" s="10"/>
    </row>
    <row r="23" spans="1:20" ht="20.100000000000001" customHeight="1">
      <c r="A23" s="103" t="s">
        <v>5</v>
      </c>
      <c r="B23" s="105"/>
      <c r="C23" s="105"/>
      <c r="D23" s="105"/>
      <c r="E23" s="105"/>
      <c r="F23" s="105"/>
      <c r="G23" s="105"/>
      <c r="H23" s="105"/>
      <c r="I23" s="105"/>
      <c r="J23" s="105"/>
      <c r="K23" s="105"/>
      <c r="L23" s="105"/>
      <c r="M23" s="105"/>
      <c r="N23" s="7"/>
      <c r="O23" s="10"/>
      <c r="P23" s="10"/>
    </row>
    <row r="24" spans="1:20" ht="18" customHeight="1">
      <c r="A24" s="103" t="s">
        <v>85</v>
      </c>
      <c r="B24" s="104"/>
      <c r="C24" s="104"/>
      <c r="D24" s="104"/>
      <c r="E24" s="104"/>
      <c r="F24" s="104"/>
      <c r="G24" s="104"/>
      <c r="H24" s="104"/>
      <c r="I24" s="104"/>
      <c r="J24" s="104"/>
      <c r="K24" s="104"/>
      <c r="L24" s="104"/>
      <c r="M24" s="104"/>
      <c r="N24" s="104"/>
      <c r="O24" s="10"/>
      <c r="P24" s="10"/>
    </row>
    <row r="25" spans="1:20" ht="18" customHeight="1">
      <c r="A25" s="96"/>
      <c r="B25" s="95"/>
      <c r="C25" s="95"/>
      <c r="D25" s="95"/>
      <c r="E25" s="95"/>
      <c r="F25" s="95"/>
      <c r="G25" s="95"/>
      <c r="H25" s="95"/>
      <c r="I25" s="95"/>
      <c r="J25" s="95"/>
      <c r="K25" s="95"/>
      <c r="L25" s="95"/>
      <c r="M25" s="95"/>
      <c r="N25" s="95"/>
      <c r="O25" s="10"/>
      <c r="P25" s="10"/>
    </row>
    <row r="26" spans="1:20">
      <c r="A26" s="12"/>
      <c r="B26" s="12"/>
      <c r="C26" s="12"/>
      <c r="D26" s="12"/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3"/>
      <c r="P26" s="13"/>
    </row>
    <row r="27" spans="1:20" ht="20.100000000000001" customHeight="1">
      <c r="A27" s="100" t="s">
        <v>6</v>
      </c>
      <c r="B27" s="101"/>
      <c r="C27" s="101"/>
      <c r="D27" s="101"/>
      <c r="E27" s="101"/>
      <c r="F27" s="101"/>
      <c r="G27" s="101"/>
      <c r="H27" s="101"/>
      <c r="I27" s="101"/>
      <c r="J27" s="101"/>
      <c r="K27" s="101"/>
      <c r="L27" s="101"/>
      <c r="M27" s="101"/>
      <c r="N27" s="101"/>
      <c r="O27" s="14"/>
      <c r="P27" s="14"/>
    </row>
    <row r="28" spans="1:20" ht="20.100000000000001" customHeight="1">
      <c r="A28" s="102" t="s">
        <v>88</v>
      </c>
      <c r="B28" s="102"/>
      <c r="C28" s="102"/>
      <c r="D28" s="102"/>
      <c r="E28" s="102"/>
      <c r="F28" s="102"/>
      <c r="G28" s="102"/>
      <c r="H28" s="102"/>
      <c r="I28" s="102"/>
      <c r="J28" s="102"/>
      <c r="K28" s="102"/>
      <c r="L28" s="102"/>
      <c r="M28" s="102"/>
      <c r="N28" s="101"/>
      <c r="O28" s="10"/>
      <c r="P28" s="10"/>
      <c r="Q28" s="1"/>
      <c r="R28" s="1"/>
      <c r="S28" s="1"/>
      <c r="T28" s="1"/>
    </row>
    <row r="29" spans="1:20">
      <c r="A29" s="9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9"/>
      <c r="O29" s="1"/>
      <c r="P29" s="1"/>
      <c r="Q29" s="1"/>
      <c r="R29" s="1"/>
      <c r="S29" s="1"/>
      <c r="T29" s="1"/>
    </row>
    <row r="30" spans="1:20" ht="36" customHeight="1">
      <c r="A30" s="1"/>
      <c r="B30" s="15" t="s">
        <v>7</v>
      </c>
      <c r="C30" s="16" t="s">
        <v>8</v>
      </c>
      <c r="D30" s="17" t="s">
        <v>9</v>
      </c>
      <c r="E30" s="15" t="s">
        <v>10</v>
      </c>
      <c r="F30" s="15" t="s">
        <v>11</v>
      </c>
      <c r="G30" s="15" t="s">
        <v>12</v>
      </c>
      <c r="H30" s="15" t="s">
        <v>13</v>
      </c>
      <c r="I30" s="15" t="s">
        <v>14</v>
      </c>
      <c r="J30" s="15" t="s">
        <v>15</v>
      </c>
      <c r="K30" s="15" t="s">
        <v>16</v>
      </c>
      <c r="L30" s="15" t="s">
        <v>17</v>
      </c>
      <c r="M30" s="15" t="s">
        <v>18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18" t="s">
        <v>19</v>
      </c>
      <c r="C31" s="19">
        <f>中分類指数!C6</f>
        <v>102.1</v>
      </c>
      <c r="D31" s="20">
        <f>中分類指数!C7</f>
        <v>103.6</v>
      </c>
      <c r="E31" s="21">
        <f>中分類指数!C20</f>
        <v>100.2</v>
      </c>
      <c r="F31" s="22">
        <f>中分類指数!C23</f>
        <v>120.7</v>
      </c>
      <c r="G31" s="22">
        <f>中分類指数!C28</f>
        <v>108.9</v>
      </c>
      <c r="H31" s="22">
        <f>中分類指数!C35</f>
        <v>102.6</v>
      </c>
      <c r="I31" s="22">
        <f>中分類指数!C41</f>
        <v>98.7</v>
      </c>
      <c r="J31" s="22">
        <f>中分類指数!C45</f>
        <v>93</v>
      </c>
      <c r="K31" s="22">
        <f>中分類指数!I6</f>
        <v>100.3</v>
      </c>
      <c r="L31" s="22">
        <f>中分類指数!I10</f>
        <v>104</v>
      </c>
      <c r="M31" s="23">
        <f>中分類指数!I15</f>
        <v>101.8</v>
      </c>
      <c r="N31" s="1"/>
    </row>
    <row r="32" spans="1:20" ht="22.5" customHeight="1">
      <c r="A32" s="1"/>
      <c r="B32" s="24" t="s">
        <v>20</v>
      </c>
      <c r="C32" s="19">
        <f>中分類指数!D6</f>
        <v>0.6</v>
      </c>
      <c r="D32" s="20">
        <f>中分類指数!D7</f>
        <v>0.4</v>
      </c>
      <c r="E32" s="25">
        <f>中分類指数!D20</f>
        <v>0</v>
      </c>
      <c r="F32" s="21">
        <f>中分類指数!D23</f>
        <v>2</v>
      </c>
      <c r="G32" s="21">
        <f>中分類指数!D28</f>
        <v>1</v>
      </c>
      <c r="H32" s="21">
        <f>中分類指数!D35</f>
        <v>-0.2</v>
      </c>
      <c r="I32" s="21">
        <f>中分類指数!D41</f>
        <v>-0.2</v>
      </c>
      <c r="J32" s="21">
        <f>中分類指数!D45</f>
        <v>2</v>
      </c>
      <c r="K32" s="21">
        <f>中分類指数!J6</f>
        <v>0</v>
      </c>
      <c r="L32" s="21">
        <f>中分類指数!J10</f>
        <v>1.7</v>
      </c>
      <c r="M32" s="26">
        <f>中分類指数!J15</f>
        <v>-0.2</v>
      </c>
      <c r="N32" s="1"/>
    </row>
    <row r="33" spans="1:14" ht="26.25" customHeight="1">
      <c r="A33" s="1"/>
      <c r="B33" s="24" t="s">
        <v>21</v>
      </c>
      <c r="C33" s="19">
        <f>中分類指数!E6</f>
        <v>2.4</v>
      </c>
      <c r="D33" s="20">
        <f>中分類指数!E7</f>
        <v>4.2</v>
      </c>
      <c r="E33" s="22">
        <f>中分類指数!E20</f>
        <v>0</v>
      </c>
      <c r="F33" s="22">
        <f>中分類指数!E23</f>
        <v>20.2</v>
      </c>
      <c r="G33" s="22">
        <f>中分類指数!E28</f>
        <v>4.8</v>
      </c>
      <c r="H33" s="22">
        <f>中分類指数!E35</f>
        <v>1.6</v>
      </c>
      <c r="I33" s="21">
        <f>中分類指数!E41</f>
        <v>-1.5</v>
      </c>
      <c r="J33" s="22">
        <f>中分類指数!E45</f>
        <v>-0.8</v>
      </c>
      <c r="K33" s="22">
        <f>中分類指数!K6</f>
        <v>0.4</v>
      </c>
      <c r="L33" s="21">
        <f>中分類指数!K10</f>
        <v>0.4</v>
      </c>
      <c r="M33" s="23">
        <f>中分類指数!K15</f>
        <v>0.5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2">
    <mergeCell ref="A15:N15"/>
    <mergeCell ref="A2:J2"/>
    <mergeCell ref="L2:N2"/>
    <mergeCell ref="B3:N3"/>
    <mergeCell ref="A4:M4"/>
    <mergeCell ref="A6:M6"/>
    <mergeCell ref="A9:N9"/>
    <mergeCell ref="A10:N10"/>
    <mergeCell ref="A11:N11"/>
    <mergeCell ref="A12:N12"/>
    <mergeCell ref="A13:N13"/>
    <mergeCell ref="A14:N14"/>
    <mergeCell ref="A27:N27"/>
    <mergeCell ref="A28:N28"/>
    <mergeCell ref="A16:N16"/>
    <mergeCell ref="A18:N18"/>
    <mergeCell ref="A19:N19"/>
    <mergeCell ref="A20:N20"/>
    <mergeCell ref="A21:M21"/>
    <mergeCell ref="A23:M23"/>
    <mergeCell ref="A24:N24"/>
    <mergeCell ref="A22:M22"/>
  </mergeCells>
  <phoneticPr fontId="2"/>
  <pageMargins left="0.43307086614173229" right="0.27559055118110237" top="0.74803149606299213" bottom="0.23622047244094491" header="0.19685039370078741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9"/>
  <sheetViews>
    <sheetView zoomScaleNormal="100" workbookViewId="0">
      <selection sqref="A1:H1"/>
    </sheetView>
  </sheetViews>
  <sheetFormatPr defaultRowHeight="12"/>
  <cols>
    <col min="1" max="1" width="2.625" style="27" customWidth="1"/>
    <col min="2" max="2" width="16.625" style="27" customWidth="1"/>
    <col min="3" max="5" width="9.625" style="28" customWidth="1"/>
    <col min="6" max="6" width="2.25" style="27" customWidth="1"/>
    <col min="7" max="7" width="2.5" style="27" customWidth="1"/>
    <col min="8" max="8" width="16.5" style="27" customWidth="1"/>
    <col min="9" max="11" width="9.625" style="28" customWidth="1"/>
    <col min="12" max="149" width="9" style="27"/>
    <col min="150" max="150" width="5.25" style="27" customWidth="1"/>
    <col min="151" max="151" width="16.75" style="27" customWidth="1"/>
    <col min="152" max="154" width="6.25" style="27" customWidth="1"/>
    <col min="155" max="155" width="2.25" style="27" customWidth="1"/>
    <col min="156" max="156" width="5.25" style="27" customWidth="1"/>
    <col min="157" max="157" width="16.75" style="27" customWidth="1"/>
    <col min="158" max="160" width="6.25" style="27" customWidth="1"/>
    <col min="161" max="405" width="9" style="27"/>
    <col min="406" max="406" width="5.25" style="27" customWidth="1"/>
    <col min="407" max="407" width="16.75" style="27" customWidth="1"/>
    <col min="408" max="410" width="6.25" style="27" customWidth="1"/>
    <col min="411" max="411" width="2.25" style="27" customWidth="1"/>
    <col min="412" max="412" width="5.25" style="27" customWidth="1"/>
    <col min="413" max="413" width="16.75" style="27" customWidth="1"/>
    <col min="414" max="416" width="6.25" style="27" customWidth="1"/>
    <col min="417" max="661" width="9" style="27"/>
    <col min="662" max="662" width="5.25" style="27" customWidth="1"/>
    <col min="663" max="663" width="16.75" style="27" customWidth="1"/>
    <col min="664" max="666" width="6.25" style="27" customWidth="1"/>
    <col min="667" max="667" width="2.25" style="27" customWidth="1"/>
    <col min="668" max="668" width="5.25" style="27" customWidth="1"/>
    <col min="669" max="669" width="16.75" style="27" customWidth="1"/>
    <col min="670" max="672" width="6.25" style="27" customWidth="1"/>
    <col min="673" max="917" width="9" style="27"/>
    <col min="918" max="918" width="5.25" style="27" customWidth="1"/>
    <col min="919" max="919" width="16.75" style="27" customWidth="1"/>
    <col min="920" max="922" width="6.25" style="27" customWidth="1"/>
    <col min="923" max="923" width="2.25" style="27" customWidth="1"/>
    <col min="924" max="924" width="5.25" style="27" customWidth="1"/>
    <col min="925" max="925" width="16.75" style="27" customWidth="1"/>
    <col min="926" max="928" width="6.25" style="27" customWidth="1"/>
    <col min="929" max="1173" width="9" style="27"/>
    <col min="1174" max="1174" width="5.25" style="27" customWidth="1"/>
    <col min="1175" max="1175" width="16.75" style="27" customWidth="1"/>
    <col min="1176" max="1178" width="6.25" style="27" customWidth="1"/>
    <col min="1179" max="1179" width="2.25" style="27" customWidth="1"/>
    <col min="1180" max="1180" width="5.25" style="27" customWidth="1"/>
    <col min="1181" max="1181" width="16.75" style="27" customWidth="1"/>
    <col min="1182" max="1184" width="6.25" style="27" customWidth="1"/>
    <col min="1185" max="1429" width="9" style="27"/>
    <col min="1430" max="1430" width="5.25" style="27" customWidth="1"/>
    <col min="1431" max="1431" width="16.75" style="27" customWidth="1"/>
    <col min="1432" max="1434" width="6.25" style="27" customWidth="1"/>
    <col min="1435" max="1435" width="2.25" style="27" customWidth="1"/>
    <col min="1436" max="1436" width="5.25" style="27" customWidth="1"/>
    <col min="1437" max="1437" width="16.75" style="27" customWidth="1"/>
    <col min="1438" max="1440" width="6.25" style="27" customWidth="1"/>
    <col min="1441" max="1685" width="9" style="27"/>
    <col min="1686" max="1686" width="5.25" style="27" customWidth="1"/>
    <col min="1687" max="1687" width="16.75" style="27" customWidth="1"/>
    <col min="1688" max="1690" width="6.25" style="27" customWidth="1"/>
    <col min="1691" max="1691" width="2.25" style="27" customWidth="1"/>
    <col min="1692" max="1692" width="5.25" style="27" customWidth="1"/>
    <col min="1693" max="1693" width="16.75" style="27" customWidth="1"/>
    <col min="1694" max="1696" width="6.25" style="27" customWidth="1"/>
    <col min="1697" max="1941" width="9" style="27"/>
    <col min="1942" max="1942" width="5.25" style="27" customWidth="1"/>
    <col min="1943" max="1943" width="16.75" style="27" customWidth="1"/>
    <col min="1944" max="1946" width="6.25" style="27" customWidth="1"/>
    <col min="1947" max="1947" width="2.25" style="27" customWidth="1"/>
    <col min="1948" max="1948" width="5.25" style="27" customWidth="1"/>
    <col min="1949" max="1949" width="16.75" style="27" customWidth="1"/>
    <col min="1950" max="1952" width="6.25" style="27" customWidth="1"/>
    <col min="1953" max="2197" width="9" style="27"/>
    <col min="2198" max="2198" width="5.25" style="27" customWidth="1"/>
    <col min="2199" max="2199" width="16.75" style="27" customWidth="1"/>
    <col min="2200" max="2202" width="6.25" style="27" customWidth="1"/>
    <col min="2203" max="2203" width="2.25" style="27" customWidth="1"/>
    <col min="2204" max="2204" width="5.25" style="27" customWidth="1"/>
    <col min="2205" max="2205" width="16.75" style="27" customWidth="1"/>
    <col min="2206" max="2208" width="6.25" style="27" customWidth="1"/>
    <col min="2209" max="2453" width="9" style="27"/>
    <col min="2454" max="2454" width="5.25" style="27" customWidth="1"/>
    <col min="2455" max="2455" width="16.75" style="27" customWidth="1"/>
    <col min="2456" max="2458" width="6.25" style="27" customWidth="1"/>
    <col min="2459" max="2459" width="2.25" style="27" customWidth="1"/>
    <col min="2460" max="2460" width="5.25" style="27" customWidth="1"/>
    <col min="2461" max="2461" width="16.75" style="27" customWidth="1"/>
    <col min="2462" max="2464" width="6.25" style="27" customWidth="1"/>
    <col min="2465" max="2709" width="9" style="27"/>
    <col min="2710" max="2710" width="5.25" style="27" customWidth="1"/>
    <col min="2711" max="2711" width="16.75" style="27" customWidth="1"/>
    <col min="2712" max="2714" width="6.25" style="27" customWidth="1"/>
    <col min="2715" max="2715" width="2.25" style="27" customWidth="1"/>
    <col min="2716" max="2716" width="5.25" style="27" customWidth="1"/>
    <col min="2717" max="2717" width="16.75" style="27" customWidth="1"/>
    <col min="2718" max="2720" width="6.25" style="27" customWidth="1"/>
    <col min="2721" max="2965" width="9" style="27"/>
    <col min="2966" max="2966" width="5.25" style="27" customWidth="1"/>
    <col min="2967" max="2967" width="16.75" style="27" customWidth="1"/>
    <col min="2968" max="2970" width="6.25" style="27" customWidth="1"/>
    <col min="2971" max="2971" width="2.25" style="27" customWidth="1"/>
    <col min="2972" max="2972" width="5.25" style="27" customWidth="1"/>
    <col min="2973" max="2973" width="16.75" style="27" customWidth="1"/>
    <col min="2974" max="2976" width="6.25" style="27" customWidth="1"/>
    <col min="2977" max="3221" width="9" style="27"/>
    <col min="3222" max="3222" width="5.25" style="27" customWidth="1"/>
    <col min="3223" max="3223" width="16.75" style="27" customWidth="1"/>
    <col min="3224" max="3226" width="6.25" style="27" customWidth="1"/>
    <col min="3227" max="3227" width="2.25" style="27" customWidth="1"/>
    <col min="3228" max="3228" width="5.25" style="27" customWidth="1"/>
    <col min="3229" max="3229" width="16.75" style="27" customWidth="1"/>
    <col min="3230" max="3232" width="6.25" style="27" customWidth="1"/>
    <col min="3233" max="3477" width="9" style="27"/>
    <col min="3478" max="3478" width="5.25" style="27" customWidth="1"/>
    <col min="3479" max="3479" width="16.75" style="27" customWidth="1"/>
    <col min="3480" max="3482" width="6.25" style="27" customWidth="1"/>
    <col min="3483" max="3483" width="2.25" style="27" customWidth="1"/>
    <col min="3484" max="3484" width="5.25" style="27" customWidth="1"/>
    <col min="3485" max="3485" width="16.75" style="27" customWidth="1"/>
    <col min="3486" max="3488" width="6.25" style="27" customWidth="1"/>
    <col min="3489" max="3733" width="9" style="27"/>
    <col min="3734" max="3734" width="5.25" style="27" customWidth="1"/>
    <col min="3735" max="3735" width="16.75" style="27" customWidth="1"/>
    <col min="3736" max="3738" width="6.25" style="27" customWidth="1"/>
    <col min="3739" max="3739" width="2.25" style="27" customWidth="1"/>
    <col min="3740" max="3740" width="5.25" style="27" customWidth="1"/>
    <col min="3741" max="3741" width="16.75" style="27" customWidth="1"/>
    <col min="3742" max="3744" width="6.25" style="27" customWidth="1"/>
    <col min="3745" max="3989" width="9" style="27"/>
    <col min="3990" max="3990" width="5.25" style="27" customWidth="1"/>
    <col min="3991" max="3991" width="16.75" style="27" customWidth="1"/>
    <col min="3992" max="3994" width="6.25" style="27" customWidth="1"/>
    <col min="3995" max="3995" width="2.25" style="27" customWidth="1"/>
    <col min="3996" max="3996" width="5.25" style="27" customWidth="1"/>
    <col min="3997" max="3997" width="16.75" style="27" customWidth="1"/>
    <col min="3998" max="4000" width="6.25" style="27" customWidth="1"/>
    <col min="4001" max="4245" width="9" style="27"/>
    <col min="4246" max="4246" width="5.25" style="27" customWidth="1"/>
    <col min="4247" max="4247" width="16.75" style="27" customWidth="1"/>
    <col min="4248" max="4250" width="6.25" style="27" customWidth="1"/>
    <col min="4251" max="4251" width="2.25" style="27" customWidth="1"/>
    <col min="4252" max="4252" width="5.25" style="27" customWidth="1"/>
    <col min="4253" max="4253" width="16.75" style="27" customWidth="1"/>
    <col min="4254" max="4256" width="6.25" style="27" customWidth="1"/>
    <col min="4257" max="4501" width="9" style="27"/>
    <col min="4502" max="4502" width="5.25" style="27" customWidth="1"/>
    <col min="4503" max="4503" width="16.75" style="27" customWidth="1"/>
    <col min="4504" max="4506" width="6.25" style="27" customWidth="1"/>
    <col min="4507" max="4507" width="2.25" style="27" customWidth="1"/>
    <col min="4508" max="4508" width="5.25" style="27" customWidth="1"/>
    <col min="4509" max="4509" width="16.75" style="27" customWidth="1"/>
    <col min="4510" max="4512" width="6.25" style="27" customWidth="1"/>
    <col min="4513" max="4757" width="9" style="27"/>
    <col min="4758" max="4758" width="5.25" style="27" customWidth="1"/>
    <col min="4759" max="4759" width="16.75" style="27" customWidth="1"/>
    <col min="4760" max="4762" width="6.25" style="27" customWidth="1"/>
    <col min="4763" max="4763" width="2.25" style="27" customWidth="1"/>
    <col min="4764" max="4764" width="5.25" style="27" customWidth="1"/>
    <col min="4765" max="4765" width="16.75" style="27" customWidth="1"/>
    <col min="4766" max="4768" width="6.25" style="27" customWidth="1"/>
    <col min="4769" max="5013" width="9" style="27"/>
    <col min="5014" max="5014" width="5.25" style="27" customWidth="1"/>
    <col min="5015" max="5015" width="16.75" style="27" customWidth="1"/>
    <col min="5016" max="5018" width="6.25" style="27" customWidth="1"/>
    <col min="5019" max="5019" width="2.25" style="27" customWidth="1"/>
    <col min="5020" max="5020" width="5.25" style="27" customWidth="1"/>
    <col min="5021" max="5021" width="16.75" style="27" customWidth="1"/>
    <col min="5022" max="5024" width="6.25" style="27" customWidth="1"/>
    <col min="5025" max="5269" width="9" style="27"/>
    <col min="5270" max="5270" width="5.25" style="27" customWidth="1"/>
    <col min="5271" max="5271" width="16.75" style="27" customWidth="1"/>
    <col min="5272" max="5274" width="6.25" style="27" customWidth="1"/>
    <col min="5275" max="5275" width="2.25" style="27" customWidth="1"/>
    <col min="5276" max="5276" width="5.25" style="27" customWidth="1"/>
    <col min="5277" max="5277" width="16.75" style="27" customWidth="1"/>
    <col min="5278" max="5280" width="6.25" style="27" customWidth="1"/>
    <col min="5281" max="5525" width="9" style="27"/>
    <col min="5526" max="5526" width="5.25" style="27" customWidth="1"/>
    <col min="5527" max="5527" width="16.75" style="27" customWidth="1"/>
    <col min="5528" max="5530" width="6.25" style="27" customWidth="1"/>
    <col min="5531" max="5531" width="2.25" style="27" customWidth="1"/>
    <col min="5532" max="5532" width="5.25" style="27" customWidth="1"/>
    <col min="5533" max="5533" width="16.75" style="27" customWidth="1"/>
    <col min="5534" max="5536" width="6.25" style="27" customWidth="1"/>
    <col min="5537" max="5781" width="9" style="27"/>
    <col min="5782" max="5782" width="5.25" style="27" customWidth="1"/>
    <col min="5783" max="5783" width="16.75" style="27" customWidth="1"/>
    <col min="5784" max="5786" width="6.25" style="27" customWidth="1"/>
    <col min="5787" max="5787" width="2.25" style="27" customWidth="1"/>
    <col min="5788" max="5788" width="5.25" style="27" customWidth="1"/>
    <col min="5789" max="5789" width="16.75" style="27" customWidth="1"/>
    <col min="5790" max="5792" width="6.25" style="27" customWidth="1"/>
    <col min="5793" max="6037" width="9" style="27"/>
    <col min="6038" max="6038" width="5.25" style="27" customWidth="1"/>
    <col min="6039" max="6039" width="16.75" style="27" customWidth="1"/>
    <col min="6040" max="6042" width="6.25" style="27" customWidth="1"/>
    <col min="6043" max="6043" width="2.25" style="27" customWidth="1"/>
    <col min="6044" max="6044" width="5.25" style="27" customWidth="1"/>
    <col min="6045" max="6045" width="16.75" style="27" customWidth="1"/>
    <col min="6046" max="6048" width="6.25" style="27" customWidth="1"/>
    <col min="6049" max="6293" width="9" style="27"/>
    <col min="6294" max="6294" width="5.25" style="27" customWidth="1"/>
    <col min="6295" max="6295" width="16.75" style="27" customWidth="1"/>
    <col min="6296" max="6298" width="6.25" style="27" customWidth="1"/>
    <col min="6299" max="6299" width="2.25" style="27" customWidth="1"/>
    <col min="6300" max="6300" width="5.25" style="27" customWidth="1"/>
    <col min="6301" max="6301" width="16.75" style="27" customWidth="1"/>
    <col min="6302" max="6304" width="6.25" style="27" customWidth="1"/>
    <col min="6305" max="6549" width="9" style="27"/>
    <col min="6550" max="6550" width="5.25" style="27" customWidth="1"/>
    <col min="6551" max="6551" width="16.75" style="27" customWidth="1"/>
    <col min="6552" max="6554" width="6.25" style="27" customWidth="1"/>
    <col min="6555" max="6555" width="2.25" style="27" customWidth="1"/>
    <col min="6556" max="6556" width="5.25" style="27" customWidth="1"/>
    <col min="6557" max="6557" width="16.75" style="27" customWidth="1"/>
    <col min="6558" max="6560" width="6.25" style="27" customWidth="1"/>
    <col min="6561" max="6805" width="9" style="27"/>
    <col min="6806" max="6806" width="5.25" style="27" customWidth="1"/>
    <col min="6807" max="6807" width="16.75" style="27" customWidth="1"/>
    <col min="6808" max="6810" width="6.25" style="27" customWidth="1"/>
    <col min="6811" max="6811" width="2.25" style="27" customWidth="1"/>
    <col min="6812" max="6812" width="5.25" style="27" customWidth="1"/>
    <col min="6813" max="6813" width="16.75" style="27" customWidth="1"/>
    <col min="6814" max="6816" width="6.25" style="27" customWidth="1"/>
    <col min="6817" max="7061" width="9" style="27"/>
    <col min="7062" max="7062" width="5.25" style="27" customWidth="1"/>
    <col min="7063" max="7063" width="16.75" style="27" customWidth="1"/>
    <col min="7064" max="7066" width="6.25" style="27" customWidth="1"/>
    <col min="7067" max="7067" width="2.25" style="27" customWidth="1"/>
    <col min="7068" max="7068" width="5.25" style="27" customWidth="1"/>
    <col min="7069" max="7069" width="16.75" style="27" customWidth="1"/>
    <col min="7070" max="7072" width="6.25" style="27" customWidth="1"/>
    <col min="7073" max="7317" width="9" style="27"/>
    <col min="7318" max="7318" width="5.25" style="27" customWidth="1"/>
    <col min="7319" max="7319" width="16.75" style="27" customWidth="1"/>
    <col min="7320" max="7322" width="6.25" style="27" customWidth="1"/>
    <col min="7323" max="7323" width="2.25" style="27" customWidth="1"/>
    <col min="7324" max="7324" width="5.25" style="27" customWidth="1"/>
    <col min="7325" max="7325" width="16.75" style="27" customWidth="1"/>
    <col min="7326" max="7328" width="6.25" style="27" customWidth="1"/>
    <col min="7329" max="7573" width="9" style="27"/>
    <col min="7574" max="7574" width="5.25" style="27" customWidth="1"/>
    <col min="7575" max="7575" width="16.75" style="27" customWidth="1"/>
    <col min="7576" max="7578" width="6.25" style="27" customWidth="1"/>
    <col min="7579" max="7579" width="2.25" style="27" customWidth="1"/>
    <col min="7580" max="7580" width="5.25" style="27" customWidth="1"/>
    <col min="7581" max="7581" width="16.75" style="27" customWidth="1"/>
    <col min="7582" max="7584" width="6.25" style="27" customWidth="1"/>
    <col min="7585" max="7829" width="9" style="27"/>
    <col min="7830" max="7830" width="5.25" style="27" customWidth="1"/>
    <col min="7831" max="7831" width="16.75" style="27" customWidth="1"/>
    <col min="7832" max="7834" width="6.25" style="27" customWidth="1"/>
    <col min="7835" max="7835" width="2.25" style="27" customWidth="1"/>
    <col min="7836" max="7836" width="5.25" style="27" customWidth="1"/>
    <col min="7837" max="7837" width="16.75" style="27" customWidth="1"/>
    <col min="7838" max="7840" width="6.25" style="27" customWidth="1"/>
    <col min="7841" max="8085" width="9" style="27"/>
    <col min="8086" max="8086" width="5.25" style="27" customWidth="1"/>
    <col min="8087" max="8087" width="16.75" style="27" customWidth="1"/>
    <col min="8088" max="8090" width="6.25" style="27" customWidth="1"/>
    <col min="8091" max="8091" width="2.25" style="27" customWidth="1"/>
    <col min="8092" max="8092" width="5.25" style="27" customWidth="1"/>
    <col min="8093" max="8093" width="16.75" style="27" customWidth="1"/>
    <col min="8094" max="8096" width="6.25" style="27" customWidth="1"/>
    <col min="8097" max="8341" width="9" style="27"/>
    <col min="8342" max="8342" width="5.25" style="27" customWidth="1"/>
    <col min="8343" max="8343" width="16.75" style="27" customWidth="1"/>
    <col min="8344" max="8346" width="6.25" style="27" customWidth="1"/>
    <col min="8347" max="8347" width="2.25" style="27" customWidth="1"/>
    <col min="8348" max="8348" width="5.25" style="27" customWidth="1"/>
    <col min="8349" max="8349" width="16.75" style="27" customWidth="1"/>
    <col min="8350" max="8352" width="6.25" style="27" customWidth="1"/>
    <col min="8353" max="8597" width="9" style="27"/>
    <col min="8598" max="8598" width="5.25" style="27" customWidth="1"/>
    <col min="8599" max="8599" width="16.75" style="27" customWidth="1"/>
    <col min="8600" max="8602" width="6.25" style="27" customWidth="1"/>
    <col min="8603" max="8603" width="2.25" style="27" customWidth="1"/>
    <col min="8604" max="8604" width="5.25" style="27" customWidth="1"/>
    <col min="8605" max="8605" width="16.75" style="27" customWidth="1"/>
    <col min="8606" max="8608" width="6.25" style="27" customWidth="1"/>
    <col min="8609" max="8853" width="9" style="27"/>
    <col min="8854" max="8854" width="5.25" style="27" customWidth="1"/>
    <col min="8855" max="8855" width="16.75" style="27" customWidth="1"/>
    <col min="8856" max="8858" width="6.25" style="27" customWidth="1"/>
    <col min="8859" max="8859" width="2.25" style="27" customWidth="1"/>
    <col min="8860" max="8860" width="5.25" style="27" customWidth="1"/>
    <col min="8861" max="8861" width="16.75" style="27" customWidth="1"/>
    <col min="8862" max="8864" width="6.25" style="27" customWidth="1"/>
    <col min="8865" max="9109" width="9" style="27"/>
    <col min="9110" max="9110" width="5.25" style="27" customWidth="1"/>
    <col min="9111" max="9111" width="16.75" style="27" customWidth="1"/>
    <col min="9112" max="9114" width="6.25" style="27" customWidth="1"/>
    <col min="9115" max="9115" width="2.25" style="27" customWidth="1"/>
    <col min="9116" max="9116" width="5.25" style="27" customWidth="1"/>
    <col min="9117" max="9117" width="16.75" style="27" customWidth="1"/>
    <col min="9118" max="9120" width="6.25" style="27" customWidth="1"/>
    <col min="9121" max="9365" width="9" style="27"/>
    <col min="9366" max="9366" width="5.25" style="27" customWidth="1"/>
    <col min="9367" max="9367" width="16.75" style="27" customWidth="1"/>
    <col min="9368" max="9370" width="6.25" style="27" customWidth="1"/>
    <col min="9371" max="9371" width="2.25" style="27" customWidth="1"/>
    <col min="9372" max="9372" width="5.25" style="27" customWidth="1"/>
    <col min="9373" max="9373" width="16.75" style="27" customWidth="1"/>
    <col min="9374" max="9376" width="6.25" style="27" customWidth="1"/>
    <col min="9377" max="9621" width="9" style="27"/>
    <col min="9622" max="9622" width="5.25" style="27" customWidth="1"/>
    <col min="9623" max="9623" width="16.75" style="27" customWidth="1"/>
    <col min="9624" max="9626" width="6.25" style="27" customWidth="1"/>
    <col min="9627" max="9627" width="2.25" style="27" customWidth="1"/>
    <col min="9628" max="9628" width="5.25" style="27" customWidth="1"/>
    <col min="9629" max="9629" width="16.75" style="27" customWidth="1"/>
    <col min="9630" max="9632" width="6.25" style="27" customWidth="1"/>
    <col min="9633" max="9877" width="9" style="27"/>
    <col min="9878" max="9878" width="5.25" style="27" customWidth="1"/>
    <col min="9879" max="9879" width="16.75" style="27" customWidth="1"/>
    <col min="9880" max="9882" width="6.25" style="27" customWidth="1"/>
    <col min="9883" max="9883" width="2.25" style="27" customWidth="1"/>
    <col min="9884" max="9884" width="5.25" style="27" customWidth="1"/>
    <col min="9885" max="9885" width="16.75" style="27" customWidth="1"/>
    <col min="9886" max="9888" width="6.25" style="27" customWidth="1"/>
    <col min="9889" max="10133" width="9" style="27"/>
    <col min="10134" max="10134" width="5.25" style="27" customWidth="1"/>
    <col min="10135" max="10135" width="16.75" style="27" customWidth="1"/>
    <col min="10136" max="10138" width="6.25" style="27" customWidth="1"/>
    <col min="10139" max="10139" width="2.25" style="27" customWidth="1"/>
    <col min="10140" max="10140" width="5.25" style="27" customWidth="1"/>
    <col min="10141" max="10141" width="16.75" style="27" customWidth="1"/>
    <col min="10142" max="10144" width="6.25" style="27" customWidth="1"/>
    <col min="10145" max="10389" width="9" style="27"/>
    <col min="10390" max="10390" width="5.25" style="27" customWidth="1"/>
    <col min="10391" max="10391" width="16.75" style="27" customWidth="1"/>
    <col min="10392" max="10394" width="6.25" style="27" customWidth="1"/>
    <col min="10395" max="10395" width="2.25" style="27" customWidth="1"/>
    <col min="10396" max="10396" width="5.25" style="27" customWidth="1"/>
    <col min="10397" max="10397" width="16.75" style="27" customWidth="1"/>
    <col min="10398" max="10400" width="6.25" style="27" customWidth="1"/>
    <col min="10401" max="10645" width="9" style="27"/>
    <col min="10646" max="10646" width="5.25" style="27" customWidth="1"/>
    <col min="10647" max="10647" width="16.75" style="27" customWidth="1"/>
    <col min="10648" max="10650" width="6.25" style="27" customWidth="1"/>
    <col min="10651" max="10651" width="2.25" style="27" customWidth="1"/>
    <col min="10652" max="10652" width="5.25" style="27" customWidth="1"/>
    <col min="10653" max="10653" width="16.75" style="27" customWidth="1"/>
    <col min="10654" max="10656" width="6.25" style="27" customWidth="1"/>
    <col min="10657" max="10901" width="9" style="27"/>
    <col min="10902" max="10902" width="5.25" style="27" customWidth="1"/>
    <col min="10903" max="10903" width="16.75" style="27" customWidth="1"/>
    <col min="10904" max="10906" width="6.25" style="27" customWidth="1"/>
    <col min="10907" max="10907" width="2.25" style="27" customWidth="1"/>
    <col min="10908" max="10908" width="5.25" style="27" customWidth="1"/>
    <col min="10909" max="10909" width="16.75" style="27" customWidth="1"/>
    <col min="10910" max="10912" width="6.25" style="27" customWidth="1"/>
    <col min="10913" max="11157" width="9" style="27"/>
    <col min="11158" max="11158" width="5.25" style="27" customWidth="1"/>
    <col min="11159" max="11159" width="16.75" style="27" customWidth="1"/>
    <col min="11160" max="11162" width="6.25" style="27" customWidth="1"/>
    <col min="11163" max="11163" width="2.25" style="27" customWidth="1"/>
    <col min="11164" max="11164" width="5.25" style="27" customWidth="1"/>
    <col min="11165" max="11165" width="16.75" style="27" customWidth="1"/>
    <col min="11166" max="11168" width="6.25" style="27" customWidth="1"/>
    <col min="11169" max="11413" width="9" style="27"/>
    <col min="11414" max="11414" width="5.25" style="27" customWidth="1"/>
    <col min="11415" max="11415" width="16.75" style="27" customWidth="1"/>
    <col min="11416" max="11418" width="6.25" style="27" customWidth="1"/>
    <col min="11419" max="11419" width="2.25" style="27" customWidth="1"/>
    <col min="11420" max="11420" width="5.25" style="27" customWidth="1"/>
    <col min="11421" max="11421" width="16.75" style="27" customWidth="1"/>
    <col min="11422" max="11424" width="6.25" style="27" customWidth="1"/>
    <col min="11425" max="14644" width="9" style="27"/>
    <col min="14645" max="16384" width="9" style="27" customWidth="1"/>
  </cols>
  <sheetData>
    <row r="1" spans="1:12" ht="21.75" customHeight="1">
      <c r="A1" s="120" t="s">
        <v>22</v>
      </c>
      <c r="B1" s="121"/>
      <c r="C1" s="121"/>
      <c r="D1" s="121"/>
      <c r="E1" s="121"/>
      <c r="F1" s="121"/>
      <c r="G1" s="121"/>
      <c r="H1" s="121"/>
      <c r="I1" s="122" t="s">
        <v>92</v>
      </c>
      <c r="J1" s="123"/>
      <c r="K1" s="123"/>
    </row>
    <row r="2" spans="1:12" ht="15.75" customHeight="1">
      <c r="A2" s="124"/>
      <c r="B2" s="125"/>
      <c r="C2" s="125"/>
      <c r="D2" s="125"/>
      <c r="E2" s="125"/>
      <c r="F2" s="125"/>
      <c r="G2" s="125"/>
      <c r="H2" s="125"/>
      <c r="I2" s="125"/>
      <c r="J2" s="125"/>
      <c r="K2" s="125"/>
    </row>
    <row r="3" spans="1:12" ht="15.75" customHeight="1">
      <c r="A3" s="116" t="s">
        <v>23</v>
      </c>
      <c r="B3" s="117"/>
      <c r="G3" s="29"/>
      <c r="H3" s="30"/>
      <c r="I3" s="31"/>
      <c r="J3" s="31"/>
      <c r="K3" s="31"/>
    </row>
    <row r="4" spans="1:12" ht="15.75" customHeight="1">
      <c r="A4" s="32"/>
      <c r="B4" s="33"/>
      <c r="G4" s="29"/>
      <c r="H4" s="34"/>
      <c r="I4" s="31"/>
      <c r="J4" s="31"/>
      <c r="K4" s="31"/>
    </row>
    <row r="5" spans="1:12" ht="42.75" customHeight="1">
      <c r="A5" s="118" t="s">
        <v>24</v>
      </c>
      <c r="B5" s="119"/>
      <c r="C5" s="35" t="s">
        <v>25</v>
      </c>
      <c r="D5" s="36" t="s">
        <v>26</v>
      </c>
      <c r="E5" s="37" t="s">
        <v>27</v>
      </c>
      <c r="G5" s="118" t="s">
        <v>24</v>
      </c>
      <c r="H5" s="119"/>
      <c r="I5" s="35" t="s">
        <v>25</v>
      </c>
      <c r="J5" s="36" t="s">
        <v>26</v>
      </c>
      <c r="K5" s="37" t="s">
        <v>27</v>
      </c>
    </row>
    <row r="6" spans="1:12" ht="16.149999999999999" customHeight="1">
      <c r="A6" s="38" t="s">
        <v>28</v>
      </c>
      <c r="B6" s="39"/>
      <c r="C6" s="40">
        <v>102.1</v>
      </c>
      <c r="D6" s="40">
        <v>0.6</v>
      </c>
      <c r="E6" s="41">
        <v>2.4</v>
      </c>
      <c r="G6" s="42" t="s">
        <v>29</v>
      </c>
      <c r="H6" s="43"/>
      <c r="I6" s="44">
        <v>100.3</v>
      </c>
      <c r="J6" s="45">
        <v>0</v>
      </c>
      <c r="K6" s="46">
        <v>0.4</v>
      </c>
    </row>
    <row r="7" spans="1:12" ht="16.149999999999999" customHeight="1">
      <c r="A7" s="47" t="s">
        <v>30</v>
      </c>
      <c r="B7" s="48"/>
      <c r="C7" s="49">
        <v>103.6</v>
      </c>
      <c r="D7" s="49">
        <v>0.4</v>
      </c>
      <c r="E7" s="50">
        <v>4.2</v>
      </c>
      <c r="F7" s="51"/>
      <c r="G7" s="52"/>
      <c r="H7" s="53" t="s">
        <v>31</v>
      </c>
      <c r="I7" s="54">
        <v>99.8</v>
      </c>
      <c r="J7" s="55">
        <v>-0.1</v>
      </c>
      <c r="K7" s="56">
        <v>0.3</v>
      </c>
    </row>
    <row r="8" spans="1:12" ht="16.149999999999999" customHeight="1">
      <c r="A8" s="52"/>
      <c r="B8" s="57" t="s">
        <v>32</v>
      </c>
      <c r="C8" s="58">
        <v>102.5</v>
      </c>
      <c r="D8" s="58">
        <v>1.7</v>
      </c>
      <c r="E8" s="59">
        <v>4.5</v>
      </c>
      <c r="F8" s="51"/>
      <c r="G8" s="52"/>
      <c r="H8" s="60" t="s">
        <v>33</v>
      </c>
      <c r="I8" s="61">
        <v>103.8</v>
      </c>
      <c r="J8" s="62">
        <v>0</v>
      </c>
      <c r="K8" s="63">
        <v>3.7</v>
      </c>
    </row>
    <row r="9" spans="1:12" ht="16.149999999999999" customHeight="1">
      <c r="A9" s="52"/>
      <c r="B9" s="64" t="s">
        <v>34</v>
      </c>
      <c r="C9" s="62">
        <v>108.1</v>
      </c>
      <c r="D9" s="62">
        <v>1</v>
      </c>
      <c r="E9" s="65">
        <v>9.1</v>
      </c>
      <c r="F9" s="51"/>
      <c r="G9" s="66"/>
      <c r="H9" s="67" t="s">
        <v>35</v>
      </c>
      <c r="I9" s="54">
        <v>101.7</v>
      </c>
      <c r="J9" s="55">
        <v>0</v>
      </c>
      <c r="K9" s="56">
        <v>0.5</v>
      </c>
    </row>
    <row r="10" spans="1:12" ht="16.149999999999999" customHeight="1">
      <c r="A10" s="52"/>
      <c r="B10" s="64" t="s">
        <v>36</v>
      </c>
      <c r="C10" s="62">
        <v>102.9</v>
      </c>
      <c r="D10" s="62">
        <v>-0.6</v>
      </c>
      <c r="E10" s="65">
        <v>3.2</v>
      </c>
      <c r="F10" s="51"/>
      <c r="G10" s="42" t="s">
        <v>37</v>
      </c>
      <c r="H10" s="43"/>
      <c r="I10" s="44">
        <v>104</v>
      </c>
      <c r="J10" s="45">
        <v>1.7</v>
      </c>
      <c r="K10" s="46">
        <v>0.4</v>
      </c>
    </row>
    <row r="11" spans="1:12" ht="16.149999999999999" customHeight="1">
      <c r="A11" s="52"/>
      <c r="B11" s="64" t="s">
        <v>38</v>
      </c>
      <c r="C11" s="62">
        <v>103.1</v>
      </c>
      <c r="D11" s="62">
        <v>0.5</v>
      </c>
      <c r="E11" s="65">
        <v>3.5</v>
      </c>
      <c r="F11" s="51"/>
      <c r="G11" s="52"/>
      <c r="H11" s="68" t="s">
        <v>39</v>
      </c>
      <c r="I11" s="54">
        <v>105.1</v>
      </c>
      <c r="J11" s="55">
        <v>1.2</v>
      </c>
      <c r="K11" s="56">
        <v>5.3</v>
      </c>
    </row>
    <row r="12" spans="1:12" ht="16.149999999999999" customHeight="1">
      <c r="A12" s="52"/>
      <c r="B12" s="69" t="s">
        <v>40</v>
      </c>
      <c r="C12" s="62">
        <v>100.1</v>
      </c>
      <c r="D12" s="62">
        <v>-1.8</v>
      </c>
      <c r="E12" s="65">
        <v>3.1</v>
      </c>
      <c r="F12" s="51"/>
      <c r="G12" s="52"/>
      <c r="H12" s="69" t="s">
        <v>41</v>
      </c>
      <c r="I12" s="61">
        <v>100.3</v>
      </c>
      <c r="J12" s="62">
        <v>0.4</v>
      </c>
      <c r="K12" s="63">
        <v>-1.4</v>
      </c>
    </row>
    <row r="13" spans="1:12" ht="16.149999999999999" customHeight="1">
      <c r="A13" s="52"/>
      <c r="B13" s="69" t="s">
        <v>42</v>
      </c>
      <c r="C13" s="62">
        <v>108.8</v>
      </c>
      <c r="D13" s="62">
        <v>-1.6</v>
      </c>
      <c r="E13" s="65">
        <v>10.5</v>
      </c>
      <c r="F13" s="51"/>
      <c r="G13" s="52"/>
      <c r="H13" s="69" t="s">
        <v>43</v>
      </c>
      <c r="I13" s="61">
        <v>103.9</v>
      </c>
      <c r="J13" s="62">
        <v>0</v>
      </c>
      <c r="K13" s="63">
        <v>0.7</v>
      </c>
    </row>
    <row r="14" spans="1:12" ht="16.149999999999999" customHeight="1">
      <c r="A14" s="52"/>
      <c r="B14" s="69" t="s">
        <v>44</v>
      </c>
      <c r="C14" s="62">
        <v>110.2</v>
      </c>
      <c r="D14" s="62">
        <v>1.4</v>
      </c>
      <c r="E14" s="65">
        <v>8.8000000000000007</v>
      </c>
      <c r="F14" s="70"/>
      <c r="G14" s="66"/>
      <c r="H14" s="67" t="s">
        <v>45</v>
      </c>
      <c r="I14" s="54">
        <v>105.2</v>
      </c>
      <c r="J14" s="55">
        <v>2.5</v>
      </c>
      <c r="K14" s="56">
        <v>0.3</v>
      </c>
      <c r="L14" s="70"/>
    </row>
    <row r="15" spans="1:12" ht="16.149999999999999" customHeight="1">
      <c r="A15" s="52"/>
      <c r="B15" s="69" t="s">
        <v>46</v>
      </c>
      <c r="C15" s="62">
        <v>104.7</v>
      </c>
      <c r="D15" s="62">
        <v>0.1</v>
      </c>
      <c r="E15" s="65">
        <v>4.3</v>
      </c>
      <c r="F15" s="51"/>
      <c r="G15" s="42" t="s">
        <v>47</v>
      </c>
      <c r="H15" s="43"/>
      <c r="I15" s="49">
        <v>101.8</v>
      </c>
      <c r="J15" s="49">
        <v>-0.2</v>
      </c>
      <c r="K15" s="50">
        <v>0.5</v>
      </c>
    </row>
    <row r="16" spans="1:12" ht="16.149999999999999" customHeight="1">
      <c r="A16" s="52"/>
      <c r="B16" s="69" t="s">
        <v>48</v>
      </c>
      <c r="C16" s="62">
        <v>104.4</v>
      </c>
      <c r="D16" s="62">
        <v>1.1000000000000001</v>
      </c>
      <c r="E16" s="65">
        <v>5.4</v>
      </c>
      <c r="F16" s="51"/>
      <c r="G16" s="52"/>
      <c r="H16" s="53" t="s">
        <v>49</v>
      </c>
      <c r="I16" s="54">
        <v>101.5</v>
      </c>
      <c r="J16" s="55">
        <v>-0.7</v>
      </c>
      <c r="K16" s="56">
        <v>1.2</v>
      </c>
    </row>
    <row r="17" spans="1:11" ht="16.149999999999999" customHeight="1">
      <c r="A17" s="52"/>
      <c r="B17" s="69" t="s">
        <v>50</v>
      </c>
      <c r="C17" s="62">
        <v>101.8</v>
      </c>
      <c r="D17" s="62">
        <v>0.5</v>
      </c>
      <c r="E17" s="65">
        <v>0.6</v>
      </c>
      <c r="F17" s="51"/>
      <c r="G17" s="52"/>
      <c r="H17" s="69" t="s">
        <v>51</v>
      </c>
      <c r="I17" s="61">
        <v>101.9</v>
      </c>
      <c r="J17" s="62">
        <v>2.7</v>
      </c>
      <c r="K17" s="63">
        <v>1.5</v>
      </c>
    </row>
    <row r="18" spans="1:11" ht="16.149999999999999" customHeight="1">
      <c r="A18" s="52"/>
      <c r="B18" s="69" t="s">
        <v>52</v>
      </c>
      <c r="C18" s="62">
        <v>98.5</v>
      </c>
      <c r="D18" s="62">
        <v>0.8</v>
      </c>
      <c r="E18" s="65">
        <v>-0.6</v>
      </c>
      <c r="F18" s="51"/>
      <c r="G18" s="52"/>
      <c r="H18" s="69" t="s">
        <v>53</v>
      </c>
      <c r="I18" s="61">
        <v>100.4</v>
      </c>
      <c r="J18" s="62">
        <v>-4.9000000000000004</v>
      </c>
      <c r="K18" s="63">
        <v>-3.4</v>
      </c>
    </row>
    <row r="19" spans="1:11" ht="16.149999999999999" customHeight="1">
      <c r="A19" s="52"/>
      <c r="B19" s="67" t="s">
        <v>54</v>
      </c>
      <c r="C19" s="62">
        <v>102.8</v>
      </c>
      <c r="D19" s="62">
        <v>1.1000000000000001</v>
      </c>
      <c r="E19" s="65">
        <v>2.2999999999999998</v>
      </c>
      <c r="F19" s="51"/>
      <c r="G19" s="52"/>
      <c r="H19" s="69" t="s">
        <v>55</v>
      </c>
      <c r="I19" s="61">
        <v>113.5</v>
      </c>
      <c r="J19" s="62">
        <v>0</v>
      </c>
      <c r="K19" s="63">
        <v>6.3</v>
      </c>
    </row>
    <row r="20" spans="1:11" ht="16.149999999999999" customHeight="1">
      <c r="A20" s="93" t="s">
        <v>84</v>
      </c>
      <c r="B20" s="43"/>
      <c r="C20" s="71">
        <v>100.2</v>
      </c>
      <c r="D20" s="72">
        <v>0</v>
      </c>
      <c r="E20" s="73">
        <v>0</v>
      </c>
      <c r="F20" s="51"/>
      <c r="G20" s="74"/>
      <c r="H20" s="94" t="s">
        <v>83</v>
      </c>
      <c r="I20" s="55">
        <v>100.5</v>
      </c>
      <c r="J20" s="55">
        <v>0</v>
      </c>
      <c r="K20" s="75">
        <v>0</v>
      </c>
    </row>
    <row r="21" spans="1:11" ht="16.149999999999999" customHeight="1">
      <c r="A21" s="52"/>
      <c r="B21" s="57" t="s">
        <v>56</v>
      </c>
      <c r="C21" s="76">
        <v>100</v>
      </c>
      <c r="D21" s="62">
        <v>0</v>
      </c>
      <c r="E21" s="63">
        <v>0</v>
      </c>
      <c r="G21" s="29"/>
      <c r="H21" s="77"/>
      <c r="I21" s="78"/>
      <c r="J21" s="78"/>
      <c r="K21" s="78"/>
    </row>
    <row r="22" spans="1:11" ht="16.149999999999999" customHeight="1">
      <c r="A22" s="66"/>
      <c r="B22" s="79" t="s">
        <v>57</v>
      </c>
      <c r="C22" s="80">
        <v>102.4</v>
      </c>
      <c r="D22" s="81">
        <v>0.2</v>
      </c>
      <c r="E22" s="82">
        <v>0.1</v>
      </c>
      <c r="G22" s="29"/>
      <c r="H22" s="83"/>
      <c r="I22" s="84"/>
      <c r="J22" s="84"/>
      <c r="K22" s="84"/>
    </row>
    <row r="23" spans="1:11" ht="16.149999999999999" customHeight="1">
      <c r="A23" s="42" t="s">
        <v>58</v>
      </c>
      <c r="B23" s="43"/>
      <c r="C23" s="71">
        <v>120.7</v>
      </c>
      <c r="D23" s="72">
        <v>2</v>
      </c>
      <c r="E23" s="73">
        <v>20.2</v>
      </c>
      <c r="G23" s="29"/>
      <c r="H23" s="83"/>
      <c r="I23" s="84"/>
      <c r="J23" s="84"/>
      <c r="K23" s="84"/>
    </row>
    <row r="24" spans="1:11" ht="16.149999999999999" customHeight="1">
      <c r="A24" s="52"/>
      <c r="B24" s="53" t="s">
        <v>59</v>
      </c>
      <c r="C24" s="85">
        <v>126.7</v>
      </c>
      <c r="D24" s="58">
        <v>3.4</v>
      </c>
      <c r="E24" s="86">
        <v>25.5</v>
      </c>
      <c r="G24" s="29"/>
      <c r="H24" s="83"/>
      <c r="I24" s="84"/>
      <c r="J24" s="84"/>
      <c r="K24" s="84"/>
    </row>
    <row r="25" spans="1:11" ht="16.149999999999999" customHeight="1">
      <c r="A25" s="52"/>
      <c r="B25" s="69" t="s">
        <v>60</v>
      </c>
      <c r="C25" s="61">
        <v>123</v>
      </c>
      <c r="D25" s="62">
        <v>1.2</v>
      </c>
      <c r="E25" s="63">
        <v>24</v>
      </c>
      <c r="G25" s="29"/>
      <c r="H25" s="83"/>
      <c r="I25" s="84"/>
      <c r="J25" s="84"/>
      <c r="K25" s="84"/>
    </row>
    <row r="26" spans="1:11" ht="16.149999999999999" customHeight="1">
      <c r="A26" s="52"/>
      <c r="B26" s="69" t="s">
        <v>61</v>
      </c>
      <c r="C26" s="61">
        <v>126.9</v>
      </c>
      <c r="D26" s="62">
        <v>-0.6</v>
      </c>
      <c r="E26" s="63">
        <v>16.5</v>
      </c>
      <c r="G26" s="29"/>
      <c r="H26" s="83"/>
      <c r="I26" s="84"/>
      <c r="J26" s="84"/>
      <c r="K26" s="84"/>
    </row>
    <row r="27" spans="1:11" ht="16.149999999999999" customHeight="1">
      <c r="A27" s="66"/>
      <c r="B27" s="67" t="s">
        <v>62</v>
      </c>
      <c r="C27" s="76">
        <v>106.6</v>
      </c>
      <c r="D27" s="62">
        <v>0</v>
      </c>
      <c r="E27" s="63">
        <v>6.6</v>
      </c>
      <c r="G27" s="29"/>
      <c r="H27" s="83"/>
      <c r="I27" s="84"/>
      <c r="J27" s="84"/>
      <c r="K27" s="84"/>
    </row>
    <row r="28" spans="1:11" ht="16.149999999999999" customHeight="1">
      <c r="A28" s="42" t="s">
        <v>63</v>
      </c>
      <c r="B28" s="43"/>
      <c r="C28" s="71">
        <v>108.9</v>
      </c>
      <c r="D28" s="72">
        <v>1</v>
      </c>
      <c r="E28" s="73">
        <v>4.8</v>
      </c>
      <c r="G28" s="29"/>
      <c r="H28" s="83"/>
      <c r="I28" s="84"/>
      <c r="J28" s="84"/>
      <c r="K28" s="84"/>
    </row>
    <row r="29" spans="1:11" ht="16.149999999999999" customHeight="1">
      <c r="A29" s="52"/>
      <c r="B29" s="53" t="s">
        <v>64</v>
      </c>
      <c r="C29" s="85">
        <v>116.5</v>
      </c>
      <c r="D29" s="58">
        <v>-1</v>
      </c>
      <c r="E29" s="86">
        <v>7.5</v>
      </c>
      <c r="G29" s="29"/>
      <c r="H29" s="83"/>
      <c r="I29" s="84"/>
      <c r="J29" s="84"/>
      <c r="K29" s="84"/>
    </row>
    <row r="30" spans="1:11" s="70" customFormat="1" ht="16.149999999999999" customHeight="1">
      <c r="A30" s="87"/>
      <c r="B30" s="88" t="s">
        <v>65</v>
      </c>
      <c r="C30" s="61">
        <v>107.7</v>
      </c>
      <c r="D30" s="62">
        <v>-1</v>
      </c>
      <c r="E30" s="63">
        <v>6.9</v>
      </c>
      <c r="F30" s="27"/>
      <c r="G30" s="29"/>
      <c r="H30" s="83"/>
      <c r="I30" s="84"/>
      <c r="J30" s="84"/>
      <c r="K30" s="84"/>
    </row>
    <row r="31" spans="1:11" ht="16.149999999999999" customHeight="1">
      <c r="A31" s="52"/>
      <c r="B31" s="69" t="s">
        <v>66</v>
      </c>
      <c r="C31" s="61">
        <v>110.7</v>
      </c>
      <c r="D31" s="62">
        <v>4.0999999999999996</v>
      </c>
      <c r="E31" s="63">
        <v>6.5</v>
      </c>
      <c r="G31" s="29"/>
      <c r="H31" s="83"/>
      <c r="I31" s="84"/>
      <c r="J31" s="84"/>
      <c r="K31" s="84"/>
    </row>
    <row r="32" spans="1:11" ht="16.149999999999999" customHeight="1">
      <c r="A32" s="52"/>
      <c r="B32" s="69" t="s">
        <v>67</v>
      </c>
      <c r="C32" s="61">
        <v>105.1</v>
      </c>
      <c r="D32" s="62">
        <v>1.4</v>
      </c>
      <c r="E32" s="63">
        <v>2.5</v>
      </c>
      <c r="G32" s="29"/>
      <c r="H32" s="83"/>
      <c r="I32" s="84"/>
      <c r="J32" s="84"/>
      <c r="K32" s="84"/>
    </row>
    <row r="33" spans="1:11" ht="16.149999999999999" customHeight="1">
      <c r="A33" s="52"/>
      <c r="B33" s="69" t="s">
        <v>68</v>
      </c>
      <c r="C33" s="89">
        <v>102.8</v>
      </c>
      <c r="D33" s="55">
        <v>3</v>
      </c>
      <c r="E33" s="56">
        <v>2.4</v>
      </c>
      <c r="G33" s="29"/>
      <c r="H33" s="83"/>
      <c r="I33" s="84"/>
      <c r="J33" s="84"/>
      <c r="K33" s="84"/>
    </row>
    <row r="34" spans="1:11" ht="16.149999999999999" customHeight="1">
      <c r="A34" s="66"/>
      <c r="B34" s="67" t="s">
        <v>69</v>
      </c>
      <c r="C34" s="81">
        <v>103.5</v>
      </c>
      <c r="D34" s="81">
        <v>2.1</v>
      </c>
      <c r="E34" s="97">
        <v>2.1</v>
      </c>
      <c r="G34" s="29"/>
      <c r="H34" s="83"/>
      <c r="I34" s="84"/>
      <c r="J34" s="84"/>
      <c r="K34" s="84"/>
    </row>
    <row r="35" spans="1:11" ht="16.149999999999999" customHeight="1">
      <c r="A35" s="42" t="s">
        <v>70</v>
      </c>
      <c r="B35" s="43"/>
      <c r="C35" s="71">
        <v>102.6</v>
      </c>
      <c r="D35" s="72">
        <v>-0.2</v>
      </c>
      <c r="E35" s="73">
        <v>1.6</v>
      </c>
      <c r="G35" s="29"/>
      <c r="H35" s="83"/>
      <c r="I35" s="98"/>
      <c r="J35" s="98"/>
      <c r="K35" s="98"/>
    </row>
    <row r="36" spans="1:11" ht="16.149999999999999" customHeight="1">
      <c r="A36" s="52"/>
      <c r="B36" s="53" t="s">
        <v>71</v>
      </c>
      <c r="C36" s="76">
        <v>104.8</v>
      </c>
      <c r="D36" s="62">
        <v>-0.2</v>
      </c>
      <c r="E36" s="63">
        <v>0.1</v>
      </c>
      <c r="G36" s="29"/>
      <c r="H36" s="83"/>
      <c r="I36" s="84"/>
      <c r="J36" s="84"/>
      <c r="K36" s="84"/>
    </row>
    <row r="37" spans="1:11" ht="16.149999999999999" customHeight="1">
      <c r="A37" s="52"/>
      <c r="B37" s="90" t="s">
        <v>72</v>
      </c>
      <c r="C37" s="61">
        <v>98.5</v>
      </c>
      <c r="D37" s="62">
        <v>-0.6</v>
      </c>
      <c r="E37" s="63">
        <v>1.6</v>
      </c>
      <c r="G37" s="29"/>
      <c r="H37" s="83"/>
      <c r="I37" s="84"/>
      <c r="J37" s="84"/>
      <c r="K37" s="84"/>
    </row>
    <row r="38" spans="1:11" ht="16.149999999999999" customHeight="1">
      <c r="A38" s="52"/>
      <c r="B38" s="69" t="s">
        <v>73</v>
      </c>
      <c r="C38" s="61">
        <v>103.6</v>
      </c>
      <c r="D38" s="62">
        <v>0</v>
      </c>
      <c r="E38" s="63">
        <v>4.8</v>
      </c>
      <c r="G38" s="29"/>
      <c r="H38" s="83"/>
      <c r="I38" s="84"/>
      <c r="J38" s="84"/>
      <c r="K38" s="84"/>
    </row>
    <row r="39" spans="1:11" ht="16.149999999999999" customHeight="1">
      <c r="A39" s="52"/>
      <c r="B39" s="69" t="s">
        <v>86</v>
      </c>
      <c r="C39" s="61">
        <v>101.6</v>
      </c>
      <c r="D39" s="62">
        <v>0.7</v>
      </c>
      <c r="E39" s="63">
        <v>2.7</v>
      </c>
      <c r="G39" s="29"/>
      <c r="H39" s="83"/>
      <c r="I39" s="84"/>
      <c r="J39" s="84"/>
      <c r="K39" s="84"/>
    </row>
    <row r="40" spans="1:11" ht="16.149999999999999" customHeight="1">
      <c r="A40" s="66"/>
      <c r="B40" s="67" t="s">
        <v>74</v>
      </c>
      <c r="C40" s="76">
        <v>104.5</v>
      </c>
      <c r="D40" s="81">
        <v>0</v>
      </c>
      <c r="E40" s="82">
        <v>3.6</v>
      </c>
      <c r="G40" s="29"/>
      <c r="H40" s="83"/>
      <c r="I40" s="84"/>
      <c r="J40" s="84"/>
      <c r="K40" s="84"/>
    </row>
    <row r="41" spans="1:11" ht="16.149999999999999" customHeight="1">
      <c r="A41" s="42" t="s">
        <v>75</v>
      </c>
      <c r="B41" s="43"/>
      <c r="C41" s="71">
        <v>98.7</v>
      </c>
      <c r="D41" s="72">
        <v>-0.2</v>
      </c>
      <c r="E41" s="73">
        <v>-1.5</v>
      </c>
      <c r="G41" s="29"/>
      <c r="H41" s="83"/>
      <c r="I41" s="84"/>
      <c r="J41" s="84"/>
      <c r="K41" s="84"/>
    </row>
    <row r="42" spans="1:11" ht="16.149999999999999" customHeight="1">
      <c r="A42" s="52"/>
      <c r="B42" s="68" t="s">
        <v>76</v>
      </c>
      <c r="C42" s="76">
        <v>99.9</v>
      </c>
      <c r="D42" s="62">
        <v>-1.2</v>
      </c>
      <c r="E42" s="63">
        <v>-0.7</v>
      </c>
      <c r="G42" s="29"/>
      <c r="H42" s="83"/>
      <c r="I42" s="84"/>
      <c r="J42" s="84"/>
      <c r="K42" s="84"/>
    </row>
    <row r="43" spans="1:11" ht="16.149999999999999" customHeight="1">
      <c r="A43" s="52"/>
      <c r="B43" s="91" t="s">
        <v>77</v>
      </c>
      <c r="C43" s="61">
        <v>100.2</v>
      </c>
      <c r="D43" s="62">
        <v>0.5</v>
      </c>
      <c r="E43" s="63">
        <v>-1.3</v>
      </c>
      <c r="G43" s="29"/>
      <c r="H43" s="83"/>
      <c r="I43" s="84"/>
      <c r="J43" s="84"/>
      <c r="K43" s="84"/>
    </row>
    <row r="44" spans="1:11" ht="16.149999999999999" customHeight="1">
      <c r="A44" s="66"/>
      <c r="B44" s="67" t="s">
        <v>78</v>
      </c>
      <c r="C44" s="76">
        <v>97.7</v>
      </c>
      <c r="D44" s="62">
        <v>0</v>
      </c>
      <c r="E44" s="63">
        <v>-1.8</v>
      </c>
      <c r="G44" s="29"/>
      <c r="H44" s="83"/>
      <c r="I44" s="84"/>
      <c r="J44" s="84"/>
      <c r="K44" s="84"/>
    </row>
    <row r="45" spans="1:11" ht="16.149999999999999" customHeight="1">
      <c r="A45" s="42" t="s">
        <v>79</v>
      </c>
      <c r="B45" s="43"/>
      <c r="C45" s="71">
        <v>93</v>
      </c>
      <c r="D45" s="72">
        <v>2</v>
      </c>
      <c r="E45" s="92">
        <v>-0.8</v>
      </c>
      <c r="G45" s="29"/>
      <c r="H45" s="83"/>
      <c r="I45" s="84"/>
      <c r="J45" s="84"/>
      <c r="K45" s="84"/>
    </row>
    <row r="46" spans="1:11" ht="16.149999999999999" customHeight="1">
      <c r="A46" s="52"/>
      <c r="B46" s="53" t="s">
        <v>80</v>
      </c>
      <c r="C46" s="76">
        <v>102.1</v>
      </c>
      <c r="D46" s="62">
        <v>2.2000000000000002</v>
      </c>
      <c r="E46" s="63">
        <v>0.6</v>
      </c>
      <c r="G46" s="29"/>
      <c r="H46" s="83"/>
      <c r="I46" s="84"/>
      <c r="J46" s="84"/>
      <c r="K46" s="84"/>
    </row>
    <row r="47" spans="1:11" ht="16.149999999999999" customHeight="1">
      <c r="A47" s="52"/>
      <c r="B47" s="69" t="s">
        <v>81</v>
      </c>
      <c r="C47" s="61">
        <v>104.8</v>
      </c>
      <c r="D47" s="62">
        <v>0</v>
      </c>
      <c r="E47" s="63">
        <v>1.8</v>
      </c>
      <c r="G47" s="29"/>
      <c r="H47" s="83"/>
      <c r="I47" s="84"/>
      <c r="J47" s="84"/>
      <c r="K47" s="84"/>
    </row>
    <row r="48" spans="1:11" ht="16.149999999999999" customHeight="1">
      <c r="A48" s="66"/>
      <c r="B48" s="67" t="s">
        <v>82</v>
      </c>
      <c r="C48" s="80">
        <v>70.2</v>
      </c>
      <c r="D48" s="81">
        <v>6.2</v>
      </c>
      <c r="E48" s="82">
        <v>-7</v>
      </c>
      <c r="G48" s="29"/>
      <c r="H48" s="83"/>
      <c r="I48" s="84"/>
      <c r="J48" s="84"/>
      <c r="K48" s="84"/>
    </row>
    <row r="49" spans="7:11" ht="16.149999999999999" customHeight="1">
      <c r="G49" s="29"/>
      <c r="H49" s="83"/>
      <c r="I49" s="84"/>
      <c r="J49" s="84"/>
      <c r="K49" s="84"/>
    </row>
  </sheetData>
  <mergeCells count="6">
    <mergeCell ref="A3:B3"/>
    <mergeCell ref="A5:B5"/>
    <mergeCell ref="G5:H5"/>
    <mergeCell ref="A1:H1"/>
    <mergeCell ref="I1:K1"/>
    <mergeCell ref="A2:K2"/>
  </mergeCells>
  <phoneticPr fontId="2"/>
  <printOptions horizontalCentered="1"/>
  <pageMargins left="0.19685039370078741" right="0.19685039370078741" top="0.59055118110236227" bottom="0.62992125984251968" header="0.47244094488188981" footer="0.39370078740157483"/>
  <pageSetup paperSize="9" scale="90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消費者物価指数の概要</vt:lpstr>
      <vt:lpstr>中分類指数</vt:lpstr>
      <vt:lpstr>中分類指数!Print_Area</vt:lpstr>
      <vt:lpstr>月報_中分類表抽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8-26T04:12:16Z</cp:lastPrinted>
  <dcterms:created xsi:type="dcterms:W3CDTF">2017-03-03T01:46:30Z</dcterms:created>
  <dcterms:modified xsi:type="dcterms:W3CDTF">2022-08-26T04:12:33Z</dcterms:modified>
</cp:coreProperties>
</file>